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6.xml" ContentType="application/vnd.openxmlformats-officedocument.presentationml.tags+xml"/>
  <Override PartName="/ppt/notesSlides/notesSlide1.xml" ContentType="application/vnd.openxmlformats-officedocument.presentationml.notesSlide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60" r:id="rId1"/>
  </p:sldMasterIdLst>
  <p:notesMasterIdLst>
    <p:notesMasterId r:id="rId15"/>
  </p:notesMasterIdLst>
  <p:handoutMasterIdLst>
    <p:handoutMasterId r:id="rId16"/>
  </p:handoutMasterIdLst>
  <p:sldIdLst>
    <p:sldId id="299" r:id="rId2"/>
    <p:sldId id="337" r:id="rId3"/>
    <p:sldId id="289" r:id="rId4"/>
    <p:sldId id="320" r:id="rId5"/>
    <p:sldId id="343" r:id="rId6"/>
    <p:sldId id="345" r:id="rId7"/>
    <p:sldId id="344" r:id="rId8"/>
    <p:sldId id="342" r:id="rId9"/>
    <p:sldId id="346" r:id="rId10"/>
    <p:sldId id="347" r:id="rId11"/>
    <p:sldId id="328" r:id="rId12"/>
    <p:sldId id="333" r:id="rId13"/>
    <p:sldId id="298" r:id="rId14"/>
  </p:sldIdLst>
  <p:sldSz cx="12192000" cy="6858000"/>
  <p:notesSz cx="6858000" cy="9144000"/>
  <p:custDataLst>
    <p:tags r:id="rId17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Welcome" id="{E75E278A-FF0E-49A4-B170-79828D63BBAD}">
          <p14:sldIdLst>
            <p14:sldId id="299"/>
          </p14:sldIdLst>
        </p14:section>
        <p14:section name="Design, Morph, Annotate, Work Together, Tell Me" id="{B9B51309-D148-4332-87C2-07BE32FBCA3B}">
          <p14:sldIdLst>
            <p14:sldId id="337"/>
            <p14:sldId id="289"/>
            <p14:sldId id="320"/>
            <p14:sldId id="343"/>
            <p14:sldId id="345"/>
            <p14:sldId id="344"/>
            <p14:sldId id="342"/>
            <p14:sldId id="346"/>
            <p14:sldId id="347"/>
            <p14:sldId id="328"/>
            <p14:sldId id="333"/>
            <p14:sldId id="298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2" name="Author" initials="A" lastIdx="0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70C0"/>
    <a:srgbClr val="E8E2E0"/>
    <a:srgbClr val="F5F5F5"/>
    <a:srgbClr val="FFFFFF"/>
    <a:srgbClr val="005A84"/>
    <a:srgbClr val="D9D9D9"/>
    <a:srgbClr val="D24726"/>
    <a:srgbClr val="404040"/>
    <a:srgbClr val="FF9B45"/>
    <a:srgbClr val="DD462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2A5375B1-771F-0D48-5A71-2B4DA51DAE1F}" v="10" dt="2024-01-03T08:27:41.784"/>
    <p1510:client id="{3A3332BF-E6A0-43D2-BC9B-78C5169F8BB4}" v="12" dt="2024-01-02T14:45:23.126"/>
    <p1510:client id="{4C1C51E7-837D-EE6D-8C7A-16E1A6C00652}" v="7" dt="2024-01-02T13:46:37.712"/>
    <p1510:client id="{650C5826-98C3-CE79-D516-C1A7EE6E266A}" v="42" dt="2024-01-03T06:11:52.646"/>
    <p1510:client id="{9728396C-29B3-903E-E2DA-1F935E8D7833}" v="2" dt="2024-01-03T06:56:05.833"/>
    <p1510:client id="{B2A170F4-0146-A7FC-5875-E36371A7241D}" v="2" dt="2024-01-03T06:14:08.395"/>
    <p1510:client id="{BE7334A7-1D73-C279-D210-FB73E05E2224}" v="3" dt="2024-01-02T13:16:42.357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62" d="100"/>
          <a:sy n="62" d="100"/>
        </p:scale>
        <p:origin x="804" y="56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>
        <p:scale>
          <a:sx n="1" d="2"/>
          <a:sy n="1" d="2"/>
        </p:scale>
        <p:origin x="0" y="0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commentAuthors" Target="commentAuthors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handoutMaster" Target="handoutMasters/handoutMaster1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notesMaster" Target="notesMasters/notesMaster1.xml"/><Relationship Id="rId23" Type="http://schemas.microsoft.com/office/2015/10/relationships/revisionInfo" Target="revisionInfo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80680FBE-A8DF-4758-9AC4-3A9E1039168F}" type="datetimeFigureOut">
              <a:rPr lang="en-US" smtClean="0"/>
              <a:pPr/>
              <a:t>1/3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C679768-A2FC-4D08-91F6-8DCE6C566B36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30255166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C13577B-6902-467D-A26C-08A0DD5E4E03}" type="datetimeFigureOut">
              <a:rPr lang="en-US" smtClean="0"/>
              <a:pPr/>
              <a:t>1/3/202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F61EA0F-A667-4B49-8422-0062BC55E249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8191029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F61EA0F-A667-4B49-8422-0062BC55E249}" type="slidenum">
              <a:rPr lang="en-US" smtClean="0"/>
              <a:pPr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708641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 userDrawn="1"/>
        </p:nvSpPr>
        <p:spPr bwMode="blackWhite">
          <a:xfrm>
            <a:off x="254950" y="262784"/>
            <a:ext cx="11682101" cy="6332433"/>
          </a:xfrm>
          <a:prstGeom prst="rect">
            <a:avLst/>
          </a:prstGeom>
          <a:solidFill>
            <a:srgbClr val="D2472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1854949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/>
          <p:nvPr userDrawn="1"/>
        </p:nvSpPr>
        <p:spPr>
          <a:xfrm>
            <a:off x="256032" y="265176"/>
            <a:ext cx="11683049" cy="6332433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 anchorCtr="0"/>
          <a:lstStyle/>
          <a:p>
            <a:pPr algn="ctr"/>
            <a:endParaRPr lang="en-US" sz="1800"/>
          </a:p>
        </p:txBody>
      </p:sp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521207" y="448056"/>
            <a:ext cx="6877119" cy="640080"/>
          </a:xfrm>
        </p:spPr>
        <p:txBody>
          <a:bodyPr anchor="b" anchorCtr="0">
            <a:normAutofit/>
          </a:bodyPr>
          <a:lstStyle>
            <a:lvl1pPr>
              <a:defRPr sz="2800">
                <a:solidFill>
                  <a:schemeClr val="bg2">
                    <a:lumMod val="2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quarter" idx="10"/>
          </p:nvPr>
        </p:nvSpPr>
        <p:spPr>
          <a:xfrm>
            <a:off x="539496" y="1435608"/>
            <a:ext cx="4416552" cy="397764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2pPr>
            <a:lvl3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3pPr>
            <a:lvl4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4pPr>
            <a:lvl5pPr>
              <a:defRPr lang="en-US" sz="1200">
                <a:solidFill>
                  <a:schemeClr val="tx1">
                    <a:lumMod val="75000"/>
                    <a:lumOff val="25000"/>
                  </a:schemeClr>
                </a:solidFill>
              </a:defRPr>
            </a:lvl5pPr>
          </a:lstStyle>
          <a:p>
            <a:pPr marL="0" lvl="0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Click to edit Master text styles</a:t>
            </a:r>
          </a:p>
          <a:p>
            <a:pPr marL="0" lvl="1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Second level</a:t>
            </a:r>
          </a:p>
          <a:p>
            <a:pPr marL="0" lvl="2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Third level</a:t>
            </a:r>
          </a:p>
          <a:p>
            <a:pPr marL="0" lvl="3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ourth level</a:t>
            </a:r>
          </a:p>
          <a:p>
            <a:pPr marL="0" lvl="4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ifth level</a:t>
            </a:r>
          </a:p>
        </p:txBody>
      </p:sp>
      <p:sp>
        <p:nvSpPr>
          <p:cNvPr id="6" name="Date Placeholder 3"/>
          <p:cNvSpPr>
            <a:spLocks noGrp="1"/>
          </p:cNvSpPr>
          <p:nvPr>
            <p:ph type="dt" sz="half" idx="2"/>
          </p:nvPr>
        </p:nvSpPr>
        <p:spPr>
          <a:xfrm>
            <a:off x="539496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8BEEBAAA-29B5-4AF5-BC5F-7E580C29002D}" type="datetimeFigureOut">
              <a:rPr lang="en-US" smtClean="0"/>
              <a:pPr/>
              <a:t>1/3/2024</a:t>
            </a:fld>
            <a:endParaRPr lang="en-US"/>
          </a:p>
        </p:txBody>
      </p:sp>
      <p:sp>
        <p:nvSpPr>
          <p:cNvPr id="7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8200" y="6203952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8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371926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9860EDB8-5305-433F-BE41-D7A86D811DB3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583654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/>
          <p:nvPr userDrawn="1"/>
        </p:nvSpPr>
        <p:spPr>
          <a:xfrm>
            <a:off x="254951" y="262784"/>
            <a:ext cx="11683049" cy="6332433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0"/>
          </a:p>
        </p:txBody>
      </p:sp>
      <p:sp>
        <p:nvSpPr>
          <p:cNvPr id="10" name="Rectangle 9"/>
          <p:cNvSpPr/>
          <p:nvPr userDrawn="1"/>
        </p:nvSpPr>
        <p:spPr bwMode="blackWhite">
          <a:xfrm>
            <a:off x="254950" y="262784"/>
            <a:ext cx="11682101" cy="2072643"/>
          </a:xfrm>
          <a:prstGeom prst="rect">
            <a:avLst/>
          </a:prstGeom>
          <a:solidFill>
            <a:srgbClr val="D2472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21208" y="1536192"/>
            <a:ext cx="6876288" cy="640080"/>
          </a:xfrm>
        </p:spPr>
        <p:txBody>
          <a:bodyPr>
            <a:normAutofit/>
          </a:bodyPr>
          <a:lstStyle>
            <a:lvl1pPr>
              <a:defRPr sz="36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sz="quarter" idx="13"/>
          </p:nvPr>
        </p:nvSpPr>
        <p:spPr>
          <a:xfrm>
            <a:off x="539496" y="2560320"/>
            <a:ext cx="9445752" cy="397764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400" smtClean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</a:defRPr>
            </a:lvl1pPr>
            <a:lvl2pPr>
              <a:defRPr lang="en-US" sz="1200" dirty="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2pPr>
            <a:lvl3pPr>
              <a:defRPr lang="en-US" sz="1200" dirty="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3pPr>
            <a:lvl4pPr>
              <a:defRPr lang="en-US" sz="1200" dirty="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4pPr>
            <a:lvl5pPr>
              <a:defRPr lang="en-US" sz="1200" dirty="0">
                <a:solidFill>
                  <a:schemeClr val="tx1">
                    <a:lumMod val="75000"/>
                    <a:lumOff val="25000"/>
                  </a:schemeClr>
                </a:solidFill>
              </a:defRPr>
            </a:lvl5pPr>
          </a:lstStyle>
          <a:p>
            <a:pPr marL="0" lvl="0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Click to edit Master text styles</a:t>
            </a:r>
          </a:p>
          <a:p>
            <a:pPr marL="0" lvl="1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Second level</a:t>
            </a:r>
          </a:p>
          <a:p>
            <a:pPr marL="0" lvl="2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Third level</a:t>
            </a:r>
          </a:p>
          <a:p>
            <a:pPr marL="0" lvl="3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ourth level</a:t>
            </a:r>
          </a:p>
          <a:p>
            <a:pPr marL="0" lvl="4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ifth level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3565553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tags" Target="../tags/tag2.xml"/><Relationship Id="rId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 userDrawn="1"/>
        </p:nvSpPr>
        <p:spPr>
          <a:xfrm>
            <a:off x="256032" y="265176"/>
            <a:ext cx="11683049" cy="6332433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 anchorCtr="0"/>
          <a:lstStyle/>
          <a:p>
            <a:pPr algn="ctr"/>
            <a:endParaRPr lang="en-US" sz="1800"/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21208" y="448056"/>
            <a:ext cx="6876288" cy="640080"/>
          </a:xfrm>
          <a:prstGeom prst="rect">
            <a:avLst/>
          </a:prstGeom>
        </p:spPr>
        <p:txBody>
          <a:bodyPr vert="horz" lIns="91440" tIns="45720" rIns="91440" bIns="45720" rtlCol="0" anchor="b" anchorCtr="0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9496" y="1435608"/>
            <a:ext cx="4416552" cy="397764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39496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8BEEBAAA-29B5-4AF5-BC5F-7E580C29002D}" type="datetimeFigureOut">
              <a:rPr lang="en-US" smtClean="0"/>
              <a:pPr/>
              <a:t>1/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8200" y="6203952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375904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9860EDB8-5305-433F-BE41-D7A86D811DB3}" type="slidenum">
              <a:rPr lang="en-US" smtClean="0"/>
              <a:pPr/>
              <a:t>‹#›</a:t>
            </a:fld>
            <a:endParaRPr lang="en-US"/>
          </a:p>
        </p:txBody>
      </p:sp>
      <p:cxnSp>
        <p:nvCxnSpPr>
          <p:cNvPr id="8" name="Straight Connector 7"/>
          <p:cNvCxnSpPr/>
          <p:nvPr userDrawn="1"/>
        </p:nvCxnSpPr>
        <p:spPr>
          <a:xfrm>
            <a:off x="604434" y="1196392"/>
            <a:ext cx="10983132" cy="0"/>
          </a:xfrm>
          <a:prstGeom prst="line">
            <a:avLst/>
          </a:prstGeom>
          <a:ln w="25400">
            <a:solidFill>
              <a:srgbClr val="D2472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5"/>
    </p:custDataLst>
    <p:extLst>
      <p:ext uri="{BB962C8B-B14F-4D97-AF65-F5344CB8AC3E}">
        <p14:creationId xmlns:p14="http://schemas.microsoft.com/office/powerpoint/2010/main" val="94675494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</p:sldLayoutIdLst>
  <p:txStyles>
    <p:titleStyle>
      <a:lvl1pPr algn="l" defTabSz="914400" rtl="0" eaLnBrk="1" latinLnBrk="0" hangingPunct="1">
        <a:spcBef>
          <a:spcPct val="0"/>
        </a:spcBef>
        <a:buNone/>
        <a:defRPr sz="28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0" indent="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Tx/>
        <a:buNone/>
        <a:defRPr lang="en-US" sz="1200" kern="1200" dirty="0">
          <a:solidFill>
            <a:schemeClr val="tx1"/>
          </a:solidFill>
          <a:latin typeface="+mn-lt"/>
          <a:ea typeface="+mn-ea"/>
          <a:cs typeface="+mn-cs"/>
        </a:defRPr>
      </a:lvl1pPr>
      <a:lvl2pPr marL="2286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>
          <a:solidFill>
            <a:schemeClr val="tx1"/>
          </a:solidFill>
          <a:latin typeface="+mn-lt"/>
          <a:ea typeface="+mn-ea"/>
          <a:cs typeface="+mn-cs"/>
        </a:defRPr>
      </a:lvl2pPr>
      <a:lvl3pPr marL="6858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>
          <a:solidFill>
            <a:schemeClr val="tx1"/>
          </a:solidFill>
          <a:latin typeface="+mn-lt"/>
          <a:ea typeface="+mn-ea"/>
          <a:cs typeface="+mn-cs"/>
        </a:defRPr>
      </a:lvl3pPr>
      <a:lvl4pPr marL="11430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4pPr>
      <a:lvl5pPr marL="16002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5pPr>
      <a:lvl6pPr marL="20574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6pPr>
      <a:lvl7pPr marL="25146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7pPr>
      <a:lvl8pPr marL="29718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8pPr>
      <a:lvl9pPr marL="3429000" indent="-228600" algn="l" defTabSz="914400" rtl="0" eaLnBrk="1" latinLnBrk="0" hangingPunct="1">
        <a:lnSpc>
          <a:spcPct val="90000"/>
        </a:lnSpc>
        <a:spcBef>
          <a:spcPct val="30000"/>
        </a:spcBef>
        <a:buFont typeface="Arial" panose="020B0604020202020204" pitchFamily="34" charset="0"/>
        <a:buNone/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5" Type="http://schemas.openxmlformats.org/officeDocument/2006/relationships/image" Target="../media/image2.jpeg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7" Type="http://schemas.openxmlformats.org/officeDocument/2006/relationships/hyperlink" Target="https://skillzeus.com/sftpskillzeus/m01_p02.mp4" TargetMode="Externa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6" Type="http://schemas.openxmlformats.org/officeDocument/2006/relationships/image" Target="../media/image27.jpeg"/><Relationship Id="rId5" Type="http://schemas.openxmlformats.org/officeDocument/2006/relationships/image" Target="../media/image25.png"/><Relationship Id="rId4" Type="http://schemas.openxmlformats.org/officeDocument/2006/relationships/slide" Target="slide6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jpeg"/><Relationship Id="rId3" Type="http://schemas.openxmlformats.org/officeDocument/2006/relationships/image" Target="../media/image1.png"/><Relationship Id="rId7" Type="http://schemas.openxmlformats.org/officeDocument/2006/relationships/image" Target="../media/image29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Relationship Id="rId6" Type="http://schemas.openxmlformats.org/officeDocument/2006/relationships/image" Target="../media/image28.jpeg"/><Relationship Id="rId5" Type="http://schemas.openxmlformats.org/officeDocument/2006/relationships/slide" Target="slide3.xml"/><Relationship Id="rId4" Type="http://schemas.openxmlformats.org/officeDocument/2006/relationships/slide" Target="slide1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png"/><Relationship Id="rId13" Type="http://schemas.openxmlformats.org/officeDocument/2006/relationships/image" Target="../media/image41.png"/><Relationship Id="rId3" Type="http://schemas.openxmlformats.org/officeDocument/2006/relationships/image" Target="../media/image31.jpeg"/><Relationship Id="rId7" Type="http://schemas.openxmlformats.org/officeDocument/2006/relationships/image" Target="../media/image35.png"/><Relationship Id="rId12" Type="http://schemas.openxmlformats.org/officeDocument/2006/relationships/image" Target="../media/image40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4.png"/><Relationship Id="rId11" Type="http://schemas.openxmlformats.org/officeDocument/2006/relationships/image" Target="../media/image39.png"/><Relationship Id="rId5" Type="http://schemas.openxmlformats.org/officeDocument/2006/relationships/image" Target="../media/image33.png"/><Relationship Id="rId15" Type="http://schemas.openxmlformats.org/officeDocument/2006/relationships/image" Target="../media/image43.png"/><Relationship Id="rId10" Type="http://schemas.openxmlformats.org/officeDocument/2006/relationships/image" Target="../media/image38.jpeg"/><Relationship Id="rId4" Type="http://schemas.openxmlformats.org/officeDocument/2006/relationships/image" Target="../media/image32.jpeg"/><Relationship Id="rId9" Type="http://schemas.openxmlformats.org/officeDocument/2006/relationships/image" Target="../media/image37.jpeg"/><Relationship Id="rId14" Type="http://schemas.openxmlformats.org/officeDocument/2006/relationships/image" Target="../media/image42.jpe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jpeg"/><Relationship Id="rId3" Type="http://schemas.openxmlformats.org/officeDocument/2006/relationships/image" Target="../media/image1.png"/><Relationship Id="rId7" Type="http://schemas.openxmlformats.org/officeDocument/2006/relationships/image" Target="../media/image4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image" Target="../media/image3.jpeg"/><Relationship Id="rId5" Type="http://schemas.openxmlformats.org/officeDocument/2006/relationships/slide" Target="slide3.xml"/><Relationship Id="rId4" Type="http://schemas.openxmlformats.org/officeDocument/2006/relationships/slide" Target="slide1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jpeg"/><Relationship Id="rId3" Type="http://schemas.openxmlformats.org/officeDocument/2006/relationships/image" Target="../media/image1.png"/><Relationship Id="rId7" Type="http://schemas.openxmlformats.org/officeDocument/2006/relationships/image" Target="../media/image7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image" Target="../media/image6.jpeg"/><Relationship Id="rId5" Type="http://schemas.openxmlformats.org/officeDocument/2006/relationships/slide" Target="slide3.xml"/><Relationship Id="rId4" Type="http://schemas.openxmlformats.org/officeDocument/2006/relationships/slide" Target="slide1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jpeg"/><Relationship Id="rId3" Type="http://schemas.openxmlformats.org/officeDocument/2006/relationships/image" Target="../media/image1.png"/><Relationship Id="rId7" Type="http://schemas.openxmlformats.org/officeDocument/2006/relationships/image" Target="../media/image10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9.jpeg"/><Relationship Id="rId5" Type="http://schemas.openxmlformats.org/officeDocument/2006/relationships/slide" Target="slide3.xml"/><Relationship Id="rId4" Type="http://schemas.openxmlformats.org/officeDocument/2006/relationships/slide" Target="slide1.xml"/><Relationship Id="rId9" Type="http://schemas.openxmlformats.org/officeDocument/2006/relationships/image" Target="../media/image12.jpe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jpeg"/><Relationship Id="rId3" Type="http://schemas.openxmlformats.org/officeDocument/2006/relationships/image" Target="../media/image1.png"/><Relationship Id="rId7" Type="http://schemas.openxmlformats.org/officeDocument/2006/relationships/image" Target="../media/image14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6" Type="http://schemas.openxmlformats.org/officeDocument/2006/relationships/image" Target="../media/image13.jpeg"/><Relationship Id="rId5" Type="http://schemas.openxmlformats.org/officeDocument/2006/relationships/slide" Target="slide3.xml"/><Relationship Id="rId4" Type="http://schemas.openxmlformats.org/officeDocument/2006/relationships/slide" Target="slide1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jpeg"/><Relationship Id="rId3" Type="http://schemas.openxmlformats.org/officeDocument/2006/relationships/image" Target="../media/image1.png"/><Relationship Id="rId7" Type="http://schemas.openxmlformats.org/officeDocument/2006/relationships/image" Target="../media/image16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6" Type="http://schemas.openxmlformats.org/officeDocument/2006/relationships/image" Target="../media/image9.jpeg"/><Relationship Id="rId5" Type="http://schemas.openxmlformats.org/officeDocument/2006/relationships/slide" Target="slide7.xml"/><Relationship Id="rId4" Type="http://schemas.openxmlformats.org/officeDocument/2006/relationships/slide" Target="slide5.xml"/><Relationship Id="rId9" Type="http://schemas.openxmlformats.org/officeDocument/2006/relationships/image" Target="../media/image18.jpe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jpeg"/><Relationship Id="rId3" Type="http://schemas.openxmlformats.org/officeDocument/2006/relationships/image" Target="../media/image1.png"/><Relationship Id="rId7" Type="http://schemas.openxmlformats.org/officeDocument/2006/relationships/image" Target="../media/image20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6" Type="http://schemas.openxmlformats.org/officeDocument/2006/relationships/image" Target="../media/image19.jpeg"/><Relationship Id="rId5" Type="http://schemas.openxmlformats.org/officeDocument/2006/relationships/image" Target="../media/image9.jpeg"/><Relationship Id="rId4" Type="http://schemas.openxmlformats.org/officeDocument/2006/relationships/slide" Target="slide7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3.jpeg"/><Relationship Id="rId3" Type="http://schemas.openxmlformats.org/officeDocument/2006/relationships/image" Target="../media/image1.png"/><Relationship Id="rId7" Type="http://schemas.openxmlformats.org/officeDocument/2006/relationships/image" Target="../media/image22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Relationship Id="rId6" Type="http://schemas.openxmlformats.org/officeDocument/2006/relationships/image" Target="../media/image9.jpeg"/><Relationship Id="rId5" Type="http://schemas.openxmlformats.org/officeDocument/2006/relationships/slide" Target="slide3.xml"/><Relationship Id="rId4" Type="http://schemas.openxmlformats.org/officeDocument/2006/relationships/slide" Target="slide1.xml"/><Relationship Id="rId9" Type="http://schemas.openxmlformats.org/officeDocument/2006/relationships/image" Target="../media/image24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7" Type="http://schemas.openxmlformats.org/officeDocument/2006/relationships/hyperlink" Target="https://aptaracorp.wistia.com/medias/b2te7gelgv" TargetMode="Externa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Relationship Id="rId6" Type="http://schemas.openxmlformats.org/officeDocument/2006/relationships/image" Target="../media/image26.jpeg"/><Relationship Id="rId5" Type="http://schemas.openxmlformats.org/officeDocument/2006/relationships/image" Target="../media/image25.png"/><Relationship Id="rId4" Type="http://schemas.openxmlformats.org/officeDocument/2006/relationships/slide" Target="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Picture 24" descr="Icon&#10;&#10;Description automatically generated">
            <a:extLst>
              <a:ext uri="{FF2B5EF4-FFF2-40B4-BE49-F238E27FC236}">
                <a16:creationId xmlns:a16="http://schemas.microsoft.com/office/drawing/2014/main" id="{72E93D21-688C-48D6-BD00-14E20A94B5E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780238" y="426955"/>
            <a:ext cx="982033" cy="186247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5E632909-9CE2-4D32-B097-D29AB87E2DE7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/>
          <a:stretch/>
        </p:blipFill>
        <p:spPr>
          <a:xfrm>
            <a:off x="6721805" y="1470619"/>
            <a:ext cx="5207252" cy="4263080"/>
          </a:xfrm>
          <a:prstGeom prst="rect">
            <a:avLst/>
          </a:prstGeom>
        </p:spPr>
      </p:pic>
      <p:sp>
        <p:nvSpPr>
          <p:cNvPr id="7" name="Rectangle 2">
            <a:extLst>
              <a:ext uri="{FF2B5EF4-FFF2-40B4-BE49-F238E27FC236}">
                <a16:creationId xmlns:a16="http://schemas.microsoft.com/office/drawing/2014/main" id="{AA30F481-17B2-4B2B-B2EC-11B6860E82E5}"/>
              </a:ext>
            </a:extLst>
          </p:cNvPr>
          <p:cNvSpPr txBox="1">
            <a:spLocks noChangeArrowheads="1"/>
          </p:cNvSpPr>
          <p:nvPr/>
        </p:nvSpPr>
        <p:spPr>
          <a:xfrm>
            <a:off x="695367" y="2625314"/>
            <a:ext cx="5971846" cy="757130"/>
          </a:xfrm>
          <a:prstGeom prst="rect">
            <a:avLst/>
          </a:prstGeom>
        </p:spPr>
        <p:txBody>
          <a:bodyPr wrap="square">
            <a:sp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altLang="en-US" sz="4800">
                <a:solidFill>
                  <a:srgbClr val="0070C0"/>
                </a:solidFill>
                <a:ea typeface="Roboto" panose="02000000000000000000" pitchFamily="2" charset="0"/>
                <a:cs typeface="Calibri Light" panose="020F0302020204030204" pitchFamily="34" charset="0"/>
              </a:rPr>
              <a:t>Deepak Choudhary</a:t>
            </a:r>
            <a:endParaRPr lang="en-US" altLang="en-US" sz="4800">
              <a:solidFill>
                <a:srgbClr val="0070C0"/>
              </a:solidFill>
              <a:ea typeface="Roboto" panose="02000000000000000000" pitchFamily="2" charset="0"/>
              <a:cs typeface="Calibri" panose="020F0502020204030204" pitchFamily="34" charset="0"/>
            </a:endParaRPr>
          </a:p>
        </p:txBody>
      </p:sp>
      <p:sp>
        <p:nvSpPr>
          <p:cNvPr id="8" name="Rectangle 3">
            <a:extLst>
              <a:ext uri="{FF2B5EF4-FFF2-40B4-BE49-F238E27FC236}">
                <a16:creationId xmlns:a16="http://schemas.microsoft.com/office/drawing/2014/main" id="{E9D945D8-4722-4EA2-A190-2D7942FE9F22}"/>
              </a:ext>
            </a:extLst>
          </p:cNvPr>
          <p:cNvSpPr txBox="1">
            <a:spLocks noChangeArrowheads="1"/>
          </p:cNvSpPr>
          <p:nvPr/>
        </p:nvSpPr>
        <p:spPr>
          <a:xfrm>
            <a:off x="749959" y="3382444"/>
            <a:ext cx="4644160" cy="3139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altLang="en-US" sz="16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Roboto" panose="02000000000000000000" pitchFamily="2" charset="0"/>
                <a:cs typeface="Calibri" panose="020F0502020204030204" pitchFamily="34" charset="0"/>
              </a:rPr>
              <a:t>E-learning Designer and Developer</a:t>
            </a:r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70D7540F-295B-9385-DF91-B7E660E8978D}"/>
              </a:ext>
            </a:extLst>
          </p:cNvPr>
          <p:cNvSpPr/>
          <p:nvPr/>
        </p:nvSpPr>
        <p:spPr>
          <a:xfrm>
            <a:off x="5742878" y="5140712"/>
            <a:ext cx="1438507" cy="1438507"/>
          </a:xfrm>
          <a:prstGeom prst="rect">
            <a:avLst/>
          </a:prstGeom>
          <a:solidFill>
            <a:srgbClr val="E8E2E0">
              <a:alpha val="50196"/>
            </a:srgb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2826AA6C-BAF8-8A5F-12AA-E5D4DDFFEA0E}"/>
              </a:ext>
            </a:extLst>
          </p:cNvPr>
          <p:cNvSpPr/>
          <p:nvPr/>
        </p:nvSpPr>
        <p:spPr>
          <a:xfrm>
            <a:off x="6159483" y="1161443"/>
            <a:ext cx="787728" cy="618352"/>
          </a:xfrm>
          <a:prstGeom prst="rect">
            <a:avLst/>
          </a:prstGeom>
          <a:solidFill>
            <a:schemeClr val="bg1">
              <a:lumMod val="95000"/>
              <a:alpha val="50196"/>
            </a:scheme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4644501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2FF19DA-DACE-7D4E-CEF6-E61F40094E3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id="{91A3B084-68D8-4BB0-E61A-C01BEC4493D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21207" y="457581"/>
            <a:ext cx="10460829" cy="640080"/>
          </a:xfrm>
        </p:spPr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Video Based Learning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A63FD36C-756F-15B8-8C54-E1FC2716D879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20671BA9-800B-EA12-4B10-DACFD45A1E42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3" name="Content Placeholder 17">
            <a:extLst>
              <a:ext uri="{FF2B5EF4-FFF2-40B4-BE49-F238E27FC236}">
                <a16:creationId xmlns:a16="http://schemas.microsoft.com/office/drawing/2014/main" id="{701969AB-9FEE-E9B6-E3BC-51C113ECE3E4}"/>
              </a:ext>
            </a:extLst>
          </p:cNvPr>
          <p:cNvSpPr txBox="1">
            <a:spLocks/>
          </p:cNvSpPr>
          <p:nvPr/>
        </p:nvSpPr>
        <p:spPr>
          <a:xfrm>
            <a:off x="541609" y="1829147"/>
            <a:ext cx="2823064" cy="95410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Camtasia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Sound Forge</a:t>
            </a:r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E024EE03-984A-9366-71B6-A9A678BCC1F3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56" name="Group 55">
              <a:extLst>
                <a:ext uri="{FF2B5EF4-FFF2-40B4-BE49-F238E27FC236}">
                  <a16:creationId xmlns:a16="http://schemas.microsoft.com/office/drawing/2014/main" id="{B3B7E204-E80D-3A58-6521-AE63DA5B2E61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7" name="Rectangle: Top Corners Rounded 56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2AB82A2B-51B8-4C3C-14C7-D8CED4B45B0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8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16AFD093-6B4E-1329-6304-D4F9E781AC31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59" name="Group 58">
              <a:extLst>
                <a:ext uri="{FF2B5EF4-FFF2-40B4-BE49-F238E27FC236}">
                  <a16:creationId xmlns:a16="http://schemas.microsoft.com/office/drawing/2014/main" id="{20929E5F-0FE3-2CA7-324D-CDF8FAA69AE5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60" name="Rectangle: Top Corners Rounded 5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9DE8FDF5-F9AC-08DB-132C-FB8A1000968B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61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F4994A81-AE35-B7CF-8A80-5B98DC71BBFB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2" name="Group 1">
              <a:extLst>
                <a:ext uri="{FF2B5EF4-FFF2-40B4-BE49-F238E27FC236}">
                  <a16:creationId xmlns:a16="http://schemas.microsoft.com/office/drawing/2014/main" id="{C9D13397-B3EF-0D94-6E21-98C59CB70839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42" name="Group 41">
                <a:extLst>
                  <a:ext uri="{FF2B5EF4-FFF2-40B4-BE49-F238E27FC236}">
                    <a16:creationId xmlns:a16="http://schemas.microsoft.com/office/drawing/2014/main" id="{3FE69083-3970-19E1-CB38-AB39A9FD016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43" name="Rectangle: Top Corners Rounded 42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44C2806B-F778-22CF-8BB6-917842117EFC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44" name="Group 76">
                  <a:extLst>
                    <a:ext uri="{FF2B5EF4-FFF2-40B4-BE49-F238E27FC236}">
                      <a16:creationId xmlns:a16="http://schemas.microsoft.com/office/drawing/2014/main" id="{808AD57D-16B3-30DC-1E68-39BDCF224FF9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5" name="Freeform 78">
                    <a:extLst>
                      <a:ext uri="{FF2B5EF4-FFF2-40B4-BE49-F238E27FC236}">
                        <a16:creationId xmlns:a16="http://schemas.microsoft.com/office/drawing/2014/main" id="{11B8029A-2219-079D-4A8A-AD2DF5DBB233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79">
                    <a:extLst>
                      <a:ext uri="{FF2B5EF4-FFF2-40B4-BE49-F238E27FC236}">
                        <a16:creationId xmlns:a16="http://schemas.microsoft.com/office/drawing/2014/main" id="{7E099D19-4FEF-633A-6983-69C4E55901B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0">
                    <a:extLst>
                      <a:ext uri="{FF2B5EF4-FFF2-40B4-BE49-F238E27FC236}">
                        <a16:creationId xmlns:a16="http://schemas.microsoft.com/office/drawing/2014/main" id="{1CC75C1E-9356-8EFC-B58D-98AC0BA6BBE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Freeform 81">
                    <a:extLst>
                      <a:ext uri="{FF2B5EF4-FFF2-40B4-BE49-F238E27FC236}">
                        <a16:creationId xmlns:a16="http://schemas.microsoft.com/office/drawing/2014/main" id="{5EA2E301-6FAE-F450-9E14-13C82A359E4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Freeform 82">
                    <a:extLst>
                      <a:ext uri="{FF2B5EF4-FFF2-40B4-BE49-F238E27FC236}">
                        <a16:creationId xmlns:a16="http://schemas.microsoft.com/office/drawing/2014/main" id="{3F029221-8CEA-A1A6-2213-AB68716E6172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Freeform 83">
                    <a:extLst>
                      <a:ext uri="{FF2B5EF4-FFF2-40B4-BE49-F238E27FC236}">
                        <a16:creationId xmlns:a16="http://schemas.microsoft.com/office/drawing/2014/main" id="{3D7799EA-F626-3DE9-EDE9-4E4E660ABD26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1" name="Freeform 84">
                    <a:extLst>
                      <a:ext uri="{FF2B5EF4-FFF2-40B4-BE49-F238E27FC236}">
                        <a16:creationId xmlns:a16="http://schemas.microsoft.com/office/drawing/2014/main" id="{059BB2E5-989A-5C36-6C23-F52422E64E72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2" name="Rectangle 85">
                    <a:extLst>
                      <a:ext uri="{FF2B5EF4-FFF2-40B4-BE49-F238E27FC236}">
                        <a16:creationId xmlns:a16="http://schemas.microsoft.com/office/drawing/2014/main" id="{2D86CD45-57F2-D026-413D-3CD08520DE6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3" name="Rectangle 86">
                    <a:extLst>
                      <a:ext uri="{FF2B5EF4-FFF2-40B4-BE49-F238E27FC236}">
                        <a16:creationId xmlns:a16="http://schemas.microsoft.com/office/drawing/2014/main" id="{6FD929A2-FB05-3566-BFE5-CBF29BA565E8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4" name="Rectangle 87">
                    <a:extLst>
                      <a:ext uri="{FF2B5EF4-FFF2-40B4-BE49-F238E27FC236}">
                        <a16:creationId xmlns:a16="http://schemas.microsoft.com/office/drawing/2014/main" id="{70833ABC-5FF2-A64B-146C-2D42483BF1F7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5" name="Rectangle 88">
                    <a:extLst>
                      <a:ext uri="{FF2B5EF4-FFF2-40B4-BE49-F238E27FC236}">
                        <a16:creationId xmlns:a16="http://schemas.microsoft.com/office/drawing/2014/main" id="{4248D17B-C1BF-8556-3F38-0F86A0CF52BD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64" name="Rectangle: Top Corners Rounded 63">
                <a:hlinkClick r:id="" action="ppaction://noaction"/>
                <a:extLst>
                  <a:ext uri="{FF2B5EF4-FFF2-40B4-BE49-F238E27FC236}">
                    <a16:creationId xmlns:a16="http://schemas.microsoft.com/office/drawing/2014/main" id="{31365C39-FA3F-1794-F069-68EC9DC08438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34" name="Content Placeholder 17">
            <a:extLst>
              <a:ext uri="{FF2B5EF4-FFF2-40B4-BE49-F238E27FC236}">
                <a16:creationId xmlns:a16="http://schemas.microsoft.com/office/drawing/2014/main" id="{8ACE59AC-1C88-EC43-950E-CF7FF8B9EE7A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494415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Video editing in using Camtasia, here are some sample work.</a:t>
            </a:r>
          </a:p>
        </p:txBody>
      </p:sp>
      <p:grpSp>
        <p:nvGrpSpPr>
          <p:cNvPr id="20" name="Group 19">
            <a:extLst>
              <a:ext uri="{FF2B5EF4-FFF2-40B4-BE49-F238E27FC236}">
                <a16:creationId xmlns:a16="http://schemas.microsoft.com/office/drawing/2014/main" id="{A554FAEF-8385-34E7-12C9-6CF3F60204CF}"/>
              </a:ext>
            </a:extLst>
          </p:cNvPr>
          <p:cNvGrpSpPr/>
          <p:nvPr/>
        </p:nvGrpSpPr>
        <p:grpSpPr>
          <a:xfrm>
            <a:off x="4359330" y="1358988"/>
            <a:ext cx="6880774" cy="4850246"/>
            <a:chOff x="3584717" y="2565312"/>
            <a:chExt cx="3494415" cy="2470541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064CFF99-F6DD-A00D-0FD8-591A403D5D80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/>
            <a:stretch/>
          </p:blipFill>
          <p:spPr>
            <a:xfrm>
              <a:off x="3584717" y="2565312"/>
              <a:ext cx="3494415" cy="2470541"/>
            </a:xfrm>
            <a:prstGeom prst="rect">
              <a:avLst/>
            </a:prstGeom>
          </p:spPr>
        </p:pic>
        <p:sp>
          <p:nvSpPr>
            <p:cNvPr id="16" name="Rectangle 15">
              <a:extLst>
                <a:ext uri="{FF2B5EF4-FFF2-40B4-BE49-F238E27FC236}">
                  <a16:creationId xmlns:a16="http://schemas.microsoft.com/office/drawing/2014/main" id="{D52E3C54-5991-D081-9D7C-4893A0E9FE5D}"/>
                </a:ext>
              </a:extLst>
            </p:cNvPr>
            <p:cNvSpPr/>
            <p:nvPr/>
          </p:nvSpPr>
          <p:spPr>
            <a:xfrm>
              <a:off x="3934609" y="2747193"/>
              <a:ext cx="2822575" cy="1978025"/>
            </a:xfrm>
            <a:prstGeom prst="rect">
              <a:avLst/>
            </a:prstGeom>
          </p:spPr>
          <p:style>
            <a:lnRef idx="2">
              <a:schemeClr val="dk1">
                <a:shade val="15000"/>
              </a:schemeClr>
            </a:lnRef>
            <a:fillRef idx="1">
              <a:schemeClr val="dk1"/>
            </a:fillRef>
            <a:effectRef idx="0">
              <a:schemeClr val="dk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pic>
          <p:nvPicPr>
            <p:cNvPr id="14" name="Picture 13" descr="A person sitting on a table with books and scales&#10;&#10;Description automatically generated">
              <a:extLst>
                <a:ext uri="{FF2B5EF4-FFF2-40B4-BE49-F238E27FC236}">
                  <a16:creationId xmlns:a16="http://schemas.microsoft.com/office/drawing/2014/main" id="{D3F63574-0F6A-3F05-A9E4-473D33EC7099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3941245" y="3078691"/>
              <a:ext cx="2809303" cy="1315029"/>
            </a:xfrm>
            <a:prstGeom prst="rect">
              <a:avLst/>
            </a:prstGeom>
          </p:spPr>
        </p:pic>
      </p:grpSp>
      <p:sp>
        <p:nvSpPr>
          <p:cNvPr id="9" name="Oval 8">
            <a:hlinkClick r:id="rId7"/>
            <a:extLst>
              <a:ext uri="{FF2B5EF4-FFF2-40B4-BE49-F238E27FC236}">
                <a16:creationId xmlns:a16="http://schemas.microsoft.com/office/drawing/2014/main" id="{CECAE9DB-B592-86A3-9ABB-EAE22E034F12}"/>
              </a:ext>
            </a:extLst>
          </p:cNvPr>
          <p:cNvSpPr/>
          <p:nvPr/>
        </p:nvSpPr>
        <p:spPr>
          <a:xfrm>
            <a:off x="7565319" y="3291590"/>
            <a:ext cx="734566" cy="734566"/>
          </a:xfrm>
          <a:prstGeom prst="ellipse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10" name="Freeform: Shape 9">
            <a:extLst>
              <a:ext uri="{FF2B5EF4-FFF2-40B4-BE49-F238E27FC236}">
                <a16:creationId xmlns:a16="http://schemas.microsoft.com/office/drawing/2014/main" id="{3FDF5FE6-E2F5-6B22-E79C-C98466ADA5A2}"/>
              </a:ext>
            </a:extLst>
          </p:cNvPr>
          <p:cNvSpPr/>
          <p:nvPr/>
        </p:nvSpPr>
        <p:spPr>
          <a:xfrm>
            <a:off x="7631059" y="3357330"/>
            <a:ext cx="603084" cy="603084"/>
          </a:xfrm>
          <a:custGeom>
            <a:avLst/>
            <a:gdLst>
              <a:gd name="connsiteX0" fmla="*/ 1555718 w 3111436"/>
              <a:gd name="connsiteY0" fmla="*/ 0 h 3111436"/>
              <a:gd name="connsiteX1" fmla="*/ 2655761 w 3111436"/>
              <a:gd name="connsiteY1" fmla="*/ 455676 h 3111436"/>
              <a:gd name="connsiteX2" fmla="*/ 3111437 w 3111436"/>
              <a:gd name="connsiteY2" fmla="*/ 1555718 h 3111436"/>
              <a:gd name="connsiteX3" fmla="*/ 2655761 w 3111436"/>
              <a:gd name="connsiteY3" fmla="*/ 2655761 h 3111436"/>
              <a:gd name="connsiteX4" fmla="*/ 1555718 w 3111436"/>
              <a:gd name="connsiteY4" fmla="*/ 3111437 h 3111436"/>
              <a:gd name="connsiteX5" fmla="*/ 455676 w 3111436"/>
              <a:gd name="connsiteY5" fmla="*/ 2655761 h 3111436"/>
              <a:gd name="connsiteX6" fmla="*/ 0 w 3111436"/>
              <a:gd name="connsiteY6" fmla="*/ 1555718 h 3111436"/>
              <a:gd name="connsiteX7" fmla="*/ 455676 w 3111436"/>
              <a:gd name="connsiteY7" fmla="*/ 455676 h 3111436"/>
              <a:gd name="connsiteX8" fmla="*/ 1555718 w 3111436"/>
              <a:gd name="connsiteY8" fmla="*/ 0 h 3111436"/>
              <a:gd name="connsiteX9" fmla="*/ 1220057 w 3111436"/>
              <a:gd name="connsiteY9" fmla="*/ 1555718 h 3111436"/>
              <a:gd name="connsiteX10" fmla="*/ 1147096 w 3111436"/>
              <a:gd name="connsiteY10" fmla="*/ 1628680 h 3111436"/>
              <a:gd name="connsiteX11" fmla="*/ 1074134 w 3111436"/>
              <a:gd name="connsiteY11" fmla="*/ 1555718 h 3111436"/>
              <a:gd name="connsiteX12" fmla="*/ 1074134 w 3111436"/>
              <a:gd name="connsiteY12" fmla="*/ 897160 h 3111436"/>
              <a:gd name="connsiteX13" fmla="*/ 1147096 w 3111436"/>
              <a:gd name="connsiteY13" fmla="*/ 824294 h 3111436"/>
              <a:gd name="connsiteX14" fmla="*/ 1189577 w 3111436"/>
              <a:gd name="connsiteY14" fmla="*/ 837914 h 3111436"/>
              <a:gd name="connsiteX15" fmla="*/ 2280571 w 3111436"/>
              <a:gd name="connsiteY15" fmla="*/ 1493330 h 3111436"/>
              <a:gd name="connsiteX16" fmla="*/ 2305622 w 3111436"/>
              <a:gd name="connsiteY16" fmla="*/ 1592961 h 3111436"/>
              <a:gd name="connsiteX17" fmla="*/ 2279904 w 3111436"/>
              <a:gd name="connsiteY17" fmla="*/ 1618393 h 3111436"/>
              <a:gd name="connsiteX18" fmla="*/ 1184434 w 3111436"/>
              <a:gd name="connsiteY18" fmla="*/ 2276475 h 3111436"/>
              <a:gd name="connsiteX19" fmla="*/ 1084802 w 3111436"/>
              <a:gd name="connsiteY19" fmla="*/ 2251424 h 3111436"/>
              <a:gd name="connsiteX20" fmla="*/ 1109853 w 3111436"/>
              <a:gd name="connsiteY20" fmla="*/ 2151698 h 3111436"/>
              <a:gd name="connsiteX21" fmla="*/ 2102168 w 3111436"/>
              <a:gd name="connsiteY21" fmla="*/ 1555528 h 3111436"/>
              <a:gd name="connsiteX22" fmla="*/ 1220153 w 3111436"/>
              <a:gd name="connsiteY22" fmla="*/ 1025652 h 3111436"/>
              <a:gd name="connsiteX23" fmla="*/ 1220153 w 3111436"/>
              <a:gd name="connsiteY23" fmla="*/ 1555528 h 3111436"/>
              <a:gd name="connsiteX24" fmla="*/ 2552605 w 3111436"/>
              <a:gd name="connsiteY24" fmla="*/ 558737 h 3111436"/>
              <a:gd name="connsiteX25" fmla="*/ 1555623 w 3111436"/>
              <a:gd name="connsiteY25" fmla="*/ 145828 h 3111436"/>
              <a:gd name="connsiteX26" fmla="*/ 558641 w 3111436"/>
              <a:gd name="connsiteY26" fmla="*/ 558737 h 3111436"/>
              <a:gd name="connsiteX27" fmla="*/ 145733 w 3111436"/>
              <a:gd name="connsiteY27" fmla="*/ 1555718 h 3111436"/>
              <a:gd name="connsiteX28" fmla="*/ 558641 w 3111436"/>
              <a:gd name="connsiteY28" fmla="*/ 2552700 h 3111436"/>
              <a:gd name="connsiteX29" fmla="*/ 1555623 w 3111436"/>
              <a:gd name="connsiteY29" fmla="*/ 2965609 h 3111436"/>
              <a:gd name="connsiteX30" fmla="*/ 2552605 w 3111436"/>
              <a:gd name="connsiteY30" fmla="*/ 2552700 h 3111436"/>
              <a:gd name="connsiteX31" fmla="*/ 2965514 w 3111436"/>
              <a:gd name="connsiteY31" fmla="*/ 1555718 h 3111436"/>
              <a:gd name="connsiteX32" fmla="*/ 2552605 w 3111436"/>
              <a:gd name="connsiteY32" fmla="*/ 558737 h 31114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3111436" h="3111436">
                <a:moveTo>
                  <a:pt x="1555718" y="0"/>
                </a:moveTo>
                <a:cubicBezTo>
                  <a:pt x="1985296" y="0"/>
                  <a:pt x="2374202" y="174117"/>
                  <a:pt x="2655761" y="455676"/>
                </a:cubicBezTo>
                <a:cubicBezTo>
                  <a:pt x="2937320" y="737235"/>
                  <a:pt x="3111437" y="1126141"/>
                  <a:pt x="3111437" y="1555718"/>
                </a:cubicBezTo>
                <a:cubicBezTo>
                  <a:pt x="3111437" y="1985296"/>
                  <a:pt x="2937320" y="2374202"/>
                  <a:pt x="2655761" y="2655761"/>
                </a:cubicBezTo>
                <a:cubicBezTo>
                  <a:pt x="2374202" y="2937320"/>
                  <a:pt x="1985296" y="3111437"/>
                  <a:pt x="1555718" y="3111437"/>
                </a:cubicBezTo>
                <a:cubicBezTo>
                  <a:pt x="1126141" y="3111437"/>
                  <a:pt x="737235" y="2937320"/>
                  <a:pt x="455676" y="2655761"/>
                </a:cubicBezTo>
                <a:cubicBezTo>
                  <a:pt x="174117" y="2374202"/>
                  <a:pt x="0" y="1985296"/>
                  <a:pt x="0" y="1555718"/>
                </a:cubicBezTo>
                <a:cubicBezTo>
                  <a:pt x="0" y="1126141"/>
                  <a:pt x="174117" y="737235"/>
                  <a:pt x="455676" y="455676"/>
                </a:cubicBezTo>
                <a:cubicBezTo>
                  <a:pt x="737235" y="174117"/>
                  <a:pt x="1126141" y="0"/>
                  <a:pt x="1555718" y="0"/>
                </a:cubicBezTo>
                <a:close/>
                <a:moveTo>
                  <a:pt x="1220057" y="1555718"/>
                </a:moveTo>
                <a:cubicBezTo>
                  <a:pt x="1220057" y="1596009"/>
                  <a:pt x="1187387" y="1628680"/>
                  <a:pt x="1147096" y="1628680"/>
                </a:cubicBezTo>
                <a:cubicBezTo>
                  <a:pt x="1106805" y="1628680"/>
                  <a:pt x="1074134" y="1596009"/>
                  <a:pt x="1074134" y="1555718"/>
                </a:cubicBezTo>
                <a:lnTo>
                  <a:pt x="1074134" y="897160"/>
                </a:lnTo>
                <a:cubicBezTo>
                  <a:pt x="1074134" y="856964"/>
                  <a:pt x="1106805" y="824294"/>
                  <a:pt x="1147096" y="824294"/>
                </a:cubicBezTo>
                <a:cubicBezTo>
                  <a:pt x="1162907" y="824294"/>
                  <a:pt x="1177576" y="829342"/>
                  <a:pt x="1189577" y="837914"/>
                </a:cubicBezTo>
                <a:lnTo>
                  <a:pt x="2280571" y="1493330"/>
                </a:lnTo>
                <a:cubicBezTo>
                  <a:pt x="2314956" y="1513904"/>
                  <a:pt x="2326196" y="1558576"/>
                  <a:pt x="2305622" y="1592961"/>
                </a:cubicBezTo>
                <a:cubicBezTo>
                  <a:pt x="2299049" y="1603915"/>
                  <a:pt x="2290096" y="1612487"/>
                  <a:pt x="2279904" y="1618393"/>
                </a:cubicBezTo>
                <a:lnTo>
                  <a:pt x="1184434" y="2276475"/>
                </a:lnTo>
                <a:cubicBezTo>
                  <a:pt x="1150049" y="2297049"/>
                  <a:pt x="1105376" y="2285810"/>
                  <a:pt x="1084802" y="2251424"/>
                </a:cubicBezTo>
                <a:cubicBezTo>
                  <a:pt x="1064133" y="2216944"/>
                  <a:pt x="1075373" y="2172367"/>
                  <a:pt x="1109853" y="2151698"/>
                </a:cubicBezTo>
                <a:lnTo>
                  <a:pt x="2102168" y="1555528"/>
                </a:lnTo>
                <a:lnTo>
                  <a:pt x="1220153" y="1025652"/>
                </a:lnTo>
                <a:lnTo>
                  <a:pt x="1220153" y="1555528"/>
                </a:lnTo>
                <a:close/>
                <a:moveTo>
                  <a:pt x="2552605" y="558737"/>
                </a:moveTo>
                <a:cubicBezTo>
                  <a:pt x="2297525" y="303657"/>
                  <a:pt x="1945005" y="145828"/>
                  <a:pt x="1555623" y="145828"/>
                </a:cubicBezTo>
                <a:cubicBezTo>
                  <a:pt x="1166336" y="145828"/>
                  <a:pt x="813816" y="303657"/>
                  <a:pt x="558641" y="558737"/>
                </a:cubicBezTo>
                <a:cubicBezTo>
                  <a:pt x="303562" y="813816"/>
                  <a:pt x="145733" y="1166336"/>
                  <a:pt x="145733" y="1555718"/>
                </a:cubicBezTo>
                <a:cubicBezTo>
                  <a:pt x="145733" y="1945005"/>
                  <a:pt x="303562" y="2297525"/>
                  <a:pt x="558641" y="2552700"/>
                </a:cubicBezTo>
                <a:cubicBezTo>
                  <a:pt x="813721" y="2807779"/>
                  <a:pt x="1166241" y="2965609"/>
                  <a:pt x="1555623" y="2965609"/>
                </a:cubicBezTo>
                <a:cubicBezTo>
                  <a:pt x="1944910" y="2965609"/>
                  <a:pt x="2297430" y="2807779"/>
                  <a:pt x="2552605" y="2552700"/>
                </a:cubicBezTo>
                <a:cubicBezTo>
                  <a:pt x="2807684" y="2297621"/>
                  <a:pt x="2965514" y="1945100"/>
                  <a:pt x="2965514" y="1555718"/>
                </a:cubicBezTo>
                <a:cubicBezTo>
                  <a:pt x="2965514" y="1166432"/>
                  <a:pt x="2807684" y="813911"/>
                  <a:pt x="2552605" y="558737"/>
                </a:cubicBezTo>
                <a:close/>
              </a:path>
            </a:pathLst>
          </a:custGeom>
          <a:solidFill>
            <a:srgbClr val="FFFFFF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7" name="TextBox 1">
            <a:extLst>
              <a:ext uri="{FF2B5EF4-FFF2-40B4-BE49-F238E27FC236}">
                <a16:creationId xmlns:a16="http://schemas.microsoft.com/office/drawing/2014/main" id="{E0B61365-4305-E96F-E62D-7E7416B06657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i="1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 the Play button to play the video sample</a:t>
            </a:r>
            <a:endParaRPr lang="en-US" sz="120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296921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Rise Samples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7" name="Content Placeholder 17">
            <a:extLst>
              <a:ext uri="{FF2B5EF4-FFF2-40B4-BE49-F238E27FC236}">
                <a16:creationId xmlns:a16="http://schemas.microsoft.com/office/drawing/2014/main" id="{218CC03E-5A6E-4A9B-9B73-873BD216B644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925615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This course is created using Rise 360</a:t>
            </a:r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61A3E2B9-DD3C-46BF-55D7-ECC4F866972B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509981" y="3930019"/>
            <a:ext cx="4597161" cy="2574066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id="{55F54745-58A2-09EE-1A1C-EB40D5BF4239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660471" y="1883528"/>
            <a:ext cx="5689889" cy="3185912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F2BF6CFC-65B8-4C3B-2125-EAA5EA2E2A39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6509982" y="1410545"/>
            <a:ext cx="4597161" cy="2574066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399885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8056"/>
            <a:ext cx="10460829" cy="640080"/>
          </a:xfrm>
        </p:spPr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Training Tool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TextBox 3"/>
          <p:cNvSpPr txBox="1"/>
          <p:nvPr/>
        </p:nvSpPr>
        <p:spPr>
          <a:xfrm>
            <a:off x="1685999" y="1397488"/>
            <a:ext cx="64645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b="1"/>
              <a:t>Tool</a:t>
            </a:r>
            <a:endParaRPr lang="en-IN" b="1"/>
          </a:p>
        </p:txBody>
      </p:sp>
      <p:sp>
        <p:nvSpPr>
          <p:cNvPr id="20" name="TextBox 19"/>
          <p:cNvSpPr txBox="1"/>
          <p:nvPr/>
        </p:nvSpPr>
        <p:spPr>
          <a:xfrm>
            <a:off x="6270852" y="1365005"/>
            <a:ext cx="4421275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b="1"/>
              <a:t>Level (Intermediate/Advanced/Expert)</a:t>
            </a:r>
            <a:endParaRPr lang="en-IN" b="1"/>
          </a:p>
        </p:txBody>
      </p:sp>
      <p:cxnSp>
        <p:nvCxnSpPr>
          <p:cNvPr id="6" name="Straight Connector 5"/>
          <p:cNvCxnSpPr/>
          <p:nvPr/>
        </p:nvCxnSpPr>
        <p:spPr>
          <a:xfrm>
            <a:off x="1632743" y="219338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Connector 21"/>
          <p:cNvCxnSpPr/>
          <p:nvPr/>
        </p:nvCxnSpPr>
        <p:spPr>
          <a:xfrm>
            <a:off x="1634280" y="252612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Straight Connector 23"/>
          <p:cNvCxnSpPr/>
          <p:nvPr/>
        </p:nvCxnSpPr>
        <p:spPr>
          <a:xfrm>
            <a:off x="1634280" y="285886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Straight Connector 24"/>
          <p:cNvCxnSpPr/>
          <p:nvPr/>
        </p:nvCxnSpPr>
        <p:spPr>
          <a:xfrm>
            <a:off x="1634280" y="3191605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Straight Connector 25"/>
          <p:cNvCxnSpPr/>
          <p:nvPr/>
        </p:nvCxnSpPr>
        <p:spPr>
          <a:xfrm>
            <a:off x="1634280" y="3524344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Straight Connector 26"/>
          <p:cNvCxnSpPr/>
          <p:nvPr/>
        </p:nvCxnSpPr>
        <p:spPr>
          <a:xfrm>
            <a:off x="1634280" y="3857083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Straight Connector 27"/>
          <p:cNvCxnSpPr/>
          <p:nvPr/>
        </p:nvCxnSpPr>
        <p:spPr>
          <a:xfrm>
            <a:off x="1634280" y="4189822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Straight Connector 28"/>
          <p:cNvCxnSpPr/>
          <p:nvPr/>
        </p:nvCxnSpPr>
        <p:spPr>
          <a:xfrm>
            <a:off x="1634280" y="4522561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Straight Connector 29"/>
          <p:cNvCxnSpPr/>
          <p:nvPr/>
        </p:nvCxnSpPr>
        <p:spPr>
          <a:xfrm>
            <a:off x="1634280" y="4855300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Straight Connector 30"/>
          <p:cNvCxnSpPr/>
          <p:nvPr/>
        </p:nvCxnSpPr>
        <p:spPr>
          <a:xfrm>
            <a:off x="1634280" y="5188039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TextBox 31"/>
          <p:cNvSpPr txBox="1"/>
          <p:nvPr/>
        </p:nvSpPr>
        <p:spPr>
          <a:xfrm>
            <a:off x="1572951" y="1865339"/>
            <a:ext cx="219826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/>
              <a:t>Adobe Photoshop CC</a:t>
            </a:r>
          </a:p>
        </p:txBody>
      </p:sp>
      <p:sp>
        <p:nvSpPr>
          <p:cNvPr id="33" name="TextBox 32"/>
          <p:cNvSpPr txBox="1"/>
          <p:nvPr/>
        </p:nvSpPr>
        <p:spPr>
          <a:xfrm>
            <a:off x="1572951" y="2199028"/>
            <a:ext cx="2073995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/>
              <a:t>Adobe Illustrator CC</a:t>
            </a:r>
          </a:p>
        </p:txBody>
      </p:sp>
      <p:sp>
        <p:nvSpPr>
          <p:cNvPr id="34" name="TextBox 33"/>
          <p:cNvSpPr txBox="1"/>
          <p:nvPr/>
        </p:nvSpPr>
        <p:spPr>
          <a:xfrm>
            <a:off x="1555168" y="2526270"/>
            <a:ext cx="1794717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Articulate Rise</a:t>
            </a:r>
            <a:endParaRPr lang="en-IN" sz="1600"/>
          </a:p>
        </p:txBody>
      </p:sp>
      <p:sp>
        <p:nvSpPr>
          <p:cNvPr id="35" name="TextBox 34"/>
          <p:cNvSpPr txBox="1"/>
          <p:nvPr/>
        </p:nvSpPr>
        <p:spPr>
          <a:xfrm>
            <a:off x="1572951" y="2851605"/>
            <a:ext cx="1002732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Audacity</a:t>
            </a:r>
            <a:endParaRPr lang="en-IN" sz="1600"/>
          </a:p>
        </p:txBody>
      </p:sp>
      <p:sp>
        <p:nvSpPr>
          <p:cNvPr id="37" name="TextBox 36"/>
          <p:cNvSpPr txBox="1"/>
          <p:nvPr/>
        </p:nvSpPr>
        <p:spPr>
          <a:xfrm>
            <a:off x="1572951" y="3852380"/>
            <a:ext cx="165624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/>
              <a:t>Adobe Animate</a:t>
            </a:r>
          </a:p>
        </p:txBody>
      </p:sp>
      <p:sp>
        <p:nvSpPr>
          <p:cNvPr id="38" name="TextBox 37"/>
          <p:cNvSpPr txBox="1"/>
          <p:nvPr/>
        </p:nvSpPr>
        <p:spPr>
          <a:xfrm>
            <a:off x="1580865" y="3194358"/>
            <a:ext cx="40531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MS Office Suite (PowerPoint, Word, Excel)</a:t>
            </a:r>
            <a:endParaRPr lang="en-IN" sz="1600"/>
          </a:p>
        </p:txBody>
      </p:sp>
      <p:sp>
        <p:nvSpPr>
          <p:cNvPr id="39" name="TextBox 38"/>
          <p:cNvSpPr txBox="1"/>
          <p:nvPr/>
        </p:nvSpPr>
        <p:spPr>
          <a:xfrm>
            <a:off x="1572951" y="4838526"/>
            <a:ext cx="385027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Articulate Storyline 360</a:t>
            </a:r>
            <a:endParaRPr lang="en-IN" sz="1600"/>
          </a:p>
        </p:txBody>
      </p:sp>
      <p:sp>
        <p:nvSpPr>
          <p:cNvPr id="41" name="TextBox 40"/>
          <p:cNvSpPr txBox="1"/>
          <p:nvPr/>
        </p:nvSpPr>
        <p:spPr>
          <a:xfrm>
            <a:off x="6232752" y="1865339"/>
            <a:ext cx="100866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Expert</a:t>
            </a:r>
            <a:endParaRPr lang="en-IN" sz="1600"/>
          </a:p>
        </p:txBody>
      </p:sp>
      <p:sp>
        <p:nvSpPr>
          <p:cNvPr id="42" name="TextBox 41"/>
          <p:cNvSpPr txBox="1"/>
          <p:nvPr/>
        </p:nvSpPr>
        <p:spPr>
          <a:xfrm>
            <a:off x="6232752" y="2199028"/>
            <a:ext cx="1969552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Intermediate</a:t>
            </a:r>
            <a:endParaRPr lang="en-IN" sz="1600"/>
          </a:p>
        </p:txBody>
      </p:sp>
      <p:sp>
        <p:nvSpPr>
          <p:cNvPr id="43" name="TextBox 42"/>
          <p:cNvSpPr txBox="1"/>
          <p:nvPr/>
        </p:nvSpPr>
        <p:spPr>
          <a:xfrm>
            <a:off x="6222732" y="3512552"/>
            <a:ext cx="1794717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sz="1600">
                <a:solidFill>
                  <a:schemeClr val="dk1"/>
                </a:solidFill>
              </a:rPr>
              <a:t>Intermediate</a:t>
            </a:r>
            <a:endParaRPr lang="en-IN" sz="1600"/>
          </a:p>
        </p:txBody>
      </p:sp>
      <p:sp>
        <p:nvSpPr>
          <p:cNvPr id="44" name="TextBox 43"/>
          <p:cNvSpPr txBox="1"/>
          <p:nvPr/>
        </p:nvSpPr>
        <p:spPr>
          <a:xfrm>
            <a:off x="6214970" y="2526270"/>
            <a:ext cx="142887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Expert</a:t>
            </a:r>
            <a:endParaRPr lang="en-IN" sz="1600"/>
          </a:p>
        </p:txBody>
      </p:sp>
      <p:sp>
        <p:nvSpPr>
          <p:cNvPr id="45" name="TextBox 44"/>
          <p:cNvSpPr txBox="1"/>
          <p:nvPr/>
        </p:nvSpPr>
        <p:spPr>
          <a:xfrm>
            <a:off x="6232752" y="2851605"/>
            <a:ext cx="142887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Expert</a:t>
            </a:r>
            <a:endParaRPr lang="en-IN" sz="1600"/>
          </a:p>
        </p:txBody>
      </p:sp>
      <p:sp>
        <p:nvSpPr>
          <p:cNvPr id="46" name="TextBox 45"/>
          <p:cNvSpPr txBox="1"/>
          <p:nvPr/>
        </p:nvSpPr>
        <p:spPr>
          <a:xfrm>
            <a:off x="6232752" y="3162131"/>
            <a:ext cx="142887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Expert</a:t>
            </a:r>
            <a:endParaRPr lang="en-IN" sz="1600"/>
          </a:p>
        </p:txBody>
      </p:sp>
      <p:sp>
        <p:nvSpPr>
          <p:cNvPr id="47" name="TextBox 46"/>
          <p:cNvSpPr txBox="1"/>
          <p:nvPr/>
        </p:nvSpPr>
        <p:spPr>
          <a:xfrm>
            <a:off x="6232752" y="5190371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Expert</a:t>
            </a:r>
            <a:endParaRPr lang="en-IN" sz="1600"/>
          </a:p>
        </p:txBody>
      </p:sp>
      <p:sp>
        <p:nvSpPr>
          <p:cNvPr id="48" name="TextBox 47"/>
          <p:cNvSpPr txBox="1"/>
          <p:nvPr/>
        </p:nvSpPr>
        <p:spPr>
          <a:xfrm>
            <a:off x="6232752" y="3851388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sz="1600">
                <a:solidFill>
                  <a:schemeClr val="dk1"/>
                </a:solidFill>
              </a:rPr>
              <a:t>Intermediate</a:t>
            </a:r>
            <a:endParaRPr lang="en-IN" sz="1600"/>
          </a:p>
        </p:txBody>
      </p:sp>
      <p:sp>
        <p:nvSpPr>
          <p:cNvPr id="49" name="TextBox 48"/>
          <p:cNvSpPr txBox="1"/>
          <p:nvPr/>
        </p:nvSpPr>
        <p:spPr>
          <a:xfrm>
            <a:off x="6232752" y="5857297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Intermediate</a:t>
            </a:r>
            <a:endParaRPr lang="en-IN" sz="1600"/>
          </a:p>
        </p:txBody>
      </p:sp>
      <p:cxnSp>
        <p:nvCxnSpPr>
          <p:cNvPr id="52" name="Straight Connector 51"/>
          <p:cNvCxnSpPr>
            <a:cxnSpLocks/>
          </p:cNvCxnSpPr>
          <p:nvPr/>
        </p:nvCxnSpPr>
        <p:spPr>
          <a:xfrm>
            <a:off x="6270852" y="219338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3" name="Straight Connector 52"/>
          <p:cNvCxnSpPr>
            <a:cxnSpLocks/>
          </p:cNvCxnSpPr>
          <p:nvPr/>
        </p:nvCxnSpPr>
        <p:spPr>
          <a:xfrm>
            <a:off x="6270852" y="252612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4" name="Straight Connector 53"/>
          <p:cNvCxnSpPr>
            <a:cxnSpLocks/>
          </p:cNvCxnSpPr>
          <p:nvPr/>
        </p:nvCxnSpPr>
        <p:spPr>
          <a:xfrm>
            <a:off x="6270852" y="285886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Straight Connector 54"/>
          <p:cNvCxnSpPr>
            <a:cxnSpLocks/>
          </p:cNvCxnSpPr>
          <p:nvPr/>
        </p:nvCxnSpPr>
        <p:spPr>
          <a:xfrm>
            <a:off x="6270852" y="3191605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6" name="Straight Connector 55"/>
          <p:cNvCxnSpPr>
            <a:cxnSpLocks/>
          </p:cNvCxnSpPr>
          <p:nvPr/>
        </p:nvCxnSpPr>
        <p:spPr>
          <a:xfrm>
            <a:off x="6270852" y="3524344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7" name="Straight Connector 56"/>
          <p:cNvCxnSpPr>
            <a:cxnSpLocks/>
          </p:cNvCxnSpPr>
          <p:nvPr/>
        </p:nvCxnSpPr>
        <p:spPr>
          <a:xfrm>
            <a:off x="6270852" y="3857083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8" name="Straight Connector 57"/>
          <p:cNvCxnSpPr>
            <a:cxnSpLocks/>
          </p:cNvCxnSpPr>
          <p:nvPr/>
        </p:nvCxnSpPr>
        <p:spPr>
          <a:xfrm>
            <a:off x="6270852" y="4189822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9" name="Straight Connector 58"/>
          <p:cNvCxnSpPr>
            <a:cxnSpLocks/>
          </p:cNvCxnSpPr>
          <p:nvPr/>
        </p:nvCxnSpPr>
        <p:spPr>
          <a:xfrm>
            <a:off x="6270852" y="4522561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Straight Connector 59"/>
          <p:cNvCxnSpPr>
            <a:cxnSpLocks/>
          </p:cNvCxnSpPr>
          <p:nvPr/>
        </p:nvCxnSpPr>
        <p:spPr>
          <a:xfrm>
            <a:off x="6270852" y="4855300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1" name="Straight Connector 60"/>
          <p:cNvCxnSpPr>
            <a:cxnSpLocks/>
          </p:cNvCxnSpPr>
          <p:nvPr/>
        </p:nvCxnSpPr>
        <p:spPr>
          <a:xfrm>
            <a:off x="6270852" y="5188039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TextBox 75">
            <a:extLst>
              <a:ext uri="{FF2B5EF4-FFF2-40B4-BE49-F238E27FC236}">
                <a16:creationId xmlns:a16="http://schemas.microsoft.com/office/drawing/2014/main" id="{DF4723EA-1108-4B01-BE2D-4ECE9E9CC85C}"/>
              </a:ext>
            </a:extLst>
          </p:cNvPr>
          <p:cNvSpPr txBox="1"/>
          <p:nvPr/>
        </p:nvSpPr>
        <p:spPr>
          <a:xfrm>
            <a:off x="1562933" y="3512552"/>
            <a:ext cx="163194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/>
              <a:t>Adobe XD</a:t>
            </a:r>
          </a:p>
        </p:txBody>
      </p:sp>
      <p:cxnSp>
        <p:nvCxnSpPr>
          <p:cNvPr id="108" name="Straight Connector 107">
            <a:extLst>
              <a:ext uri="{FF2B5EF4-FFF2-40B4-BE49-F238E27FC236}">
                <a16:creationId xmlns:a16="http://schemas.microsoft.com/office/drawing/2014/main" id="{6526ED36-5A49-46CC-855B-24BCAB49A746}"/>
              </a:ext>
            </a:extLst>
          </p:cNvPr>
          <p:cNvCxnSpPr/>
          <p:nvPr/>
        </p:nvCxnSpPr>
        <p:spPr>
          <a:xfrm>
            <a:off x="1634280" y="552077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1" name="Straight Connector 110">
            <a:extLst>
              <a:ext uri="{FF2B5EF4-FFF2-40B4-BE49-F238E27FC236}">
                <a16:creationId xmlns:a16="http://schemas.microsoft.com/office/drawing/2014/main" id="{B225AF2A-45F2-40EE-9220-53D17F3141BD}"/>
              </a:ext>
            </a:extLst>
          </p:cNvPr>
          <p:cNvCxnSpPr>
            <a:cxnSpLocks/>
          </p:cNvCxnSpPr>
          <p:nvPr/>
        </p:nvCxnSpPr>
        <p:spPr>
          <a:xfrm>
            <a:off x="6270852" y="552077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3" name="Straight Connector 112">
            <a:extLst>
              <a:ext uri="{FF2B5EF4-FFF2-40B4-BE49-F238E27FC236}">
                <a16:creationId xmlns:a16="http://schemas.microsoft.com/office/drawing/2014/main" id="{CBCF3B35-8A6F-49E0-B481-941249F3732D}"/>
              </a:ext>
            </a:extLst>
          </p:cNvPr>
          <p:cNvCxnSpPr/>
          <p:nvPr/>
        </p:nvCxnSpPr>
        <p:spPr>
          <a:xfrm>
            <a:off x="1647928" y="585351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4" name="TextBox 113">
            <a:extLst>
              <a:ext uri="{FF2B5EF4-FFF2-40B4-BE49-F238E27FC236}">
                <a16:creationId xmlns:a16="http://schemas.microsoft.com/office/drawing/2014/main" id="{FE604AAF-56AA-4929-91A1-8DC11E74E5A3}"/>
              </a:ext>
            </a:extLst>
          </p:cNvPr>
          <p:cNvSpPr txBox="1"/>
          <p:nvPr/>
        </p:nvSpPr>
        <p:spPr>
          <a:xfrm>
            <a:off x="1572951" y="5524210"/>
            <a:ext cx="165624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HTML5</a:t>
            </a:r>
            <a:endParaRPr lang="en-IN" sz="1600"/>
          </a:p>
        </p:txBody>
      </p:sp>
      <p:sp>
        <p:nvSpPr>
          <p:cNvPr id="115" name="TextBox 114">
            <a:extLst>
              <a:ext uri="{FF2B5EF4-FFF2-40B4-BE49-F238E27FC236}">
                <a16:creationId xmlns:a16="http://schemas.microsoft.com/office/drawing/2014/main" id="{F31A2701-BDBE-454B-B3C7-7D47B3915271}"/>
              </a:ext>
            </a:extLst>
          </p:cNvPr>
          <p:cNvSpPr txBox="1"/>
          <p:nvPr/>
        </p:nvSpPr>
        <p:spPr>
          <a:xfrm>
            <a:off x="6232752" y="5524210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Intermediate</a:t>
            </a:r>
            <a:endParaRPr lang="en-IN" sz="1600"/>
          </a:p>
        </p:txBody>
      </p:sp>
      <p:cxnSp>
        <p:nvCxnSpPr>
          <p:cNvPr id="116" name="Straight Connector 115">
            <a:extLst>
              <a:ext uri="{FF2B5EF4-FFF2-40B4-BE49-F238E27FC236}">
                <a16:creationId xmlns:a16="http://schemas.microsoft.com/office/drawing/2014/main" id="{FEC75698-4060-4CDB-BBCE-88ED6F30981F}"/>
              </a:ext>
            </a:extLst>
          </p:cNvPr>
          <p:cNvCxnSpPr>
            <a:cxnSpLocks/>
          </p:cNvCxnSpPr>
          <p:nvPr/>
        </p:nvCxnSpPr>
        <p:spPr>
          <a:xfrm>
            <a:off x="6284500" y="585351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8" name="Straight Connector 117">
            <a:extLst>
              <a:ext uri="{FF2B5EF4-FFF2-40B4-BE49-F238E27FC236}">
                <a16:creationId xmlns:a16="http://schemas.microsoft.com/office/drawing/2014/main" id="{764414FD-301A-484F-883E-E6DAB08CD019}"/>
              </a:ext>
            </a:extLst>
          </p:cNvPr>
          <p:cNvCxnSpPr/>
          <p:nvPr/>
        </p:nvCxnSpPr>
        <p:spPr>
          <a:xfrm>
            <a:off x="1622528" y="618625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9" name="TextBox 118">
            <a:extLst>
              <a:ext uri="{FF2B5EF4-FFF2-40B4-BE49-F238E27FC236}">
                <a16:creationId xmlns:a16="http://schemas.microsoft.com/office/drawing/2014/main" id="{3F4577BC-DBB8-4D7E-A312-F6BE0BB119FF}"/>
              </a:ext>
            </a:extLst>
          </p:cNvPr>
          <p:cNvSpPr txBox="1"/>
          <p:nvPr/>
        </p:nvSpPr>
        <p:spPr>
          <a:xfrm>
            <a:off x="1572951" y="5857297"/>
            <a:ext cx="165624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CSS</a:t>
            </a:r>
            <a:endParaRPr lang="en-IN" sz="1600"/>
          </a:p>
        </p:txBody>
      </p:sp>
      <p:sp>
        <p:nvSpPr>
          <p:cNvPr id="120" name="TextBox 119">
            <a:extLst>
              <a:ext uri="{FF2B5EF4-FFF2-40B4-BE49-F238E27FC236}">
                <a16:creationId xmlns:a16="http://schemas.microsoft.com/office/drawing/2014/main" id="{EFFA8BEA-6B83-4E6A-8C88-91F2B58EB414}"/>
              </a:ext>
            </a:extLst>
          </p:cNvPr>
          <p:cNvSpPr txBox="1"/>
          <p:nvPr/>
        </p:nvSpPr>
        <p:spPr>
          <a:xfrm>
            <a:off x="6232752" y="4843145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Expert</a:t>
            </a:r>
            <a:endParaRPr lang="en-IN" sz="1600"/>
          </a:p>
        </p:txBody>
      </p:sp>
      <p:cxnSp>
        <p:nvCxnSpPr>
          <p:cNvPr id="121" name="Straight Connector 120">
            <a:extLst>
              <a:ext uri="{FF2B5EF4-FFF2-40B4-BE49-F238E27FC236}">
                <a16:creationId xmlns:a16="http://schemas.microsoft.com/office/drawing/2014/main" id="{C74D62F8-C710-46B0-8433-3F9B7B1E93FB}"/>
              </a:ext>
            </a:extLst>
          </p:cNvPr>
          <p:cNvCxnSpPr>
            <a:cxnSpLocks/>
          </p:cNvCxnSpPr>
          <p:nvPr/>
        </p:nvCxnSpPr>
        <p:spPr>
          <a:xfrm>
            <a:off x="6259100" y="618625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63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245021" y="1901036"/>
            <a:ext cx="272557" cy="2671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4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244815" y="2234725"/>
            <a:ext cx="272968" cy="2671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5" name="Picture 2"/>
          <p:cNvPicPr>
            <a:picLocks noChangeAspect="1" noChangeArrowheads="1"/>
          </p:cNvPicPr>
          <p:nvPr/>
        </p:nvPicPr>
        <p:blipFill>
          <a:blip r:embed="rId5"/>
          <a:srcRect/>
          <a:stretch/>
        </p:blipFill>
        <p:spPr bwMode="auto">
          <a:xfrm>
            <a:off x="1227198" y="2561967"/>
            <a:ext cx="287576" cy="281799"/>
          </a:xfrm>
          <a:prstGeom prst="rect">
            <a:avLst/>
          </a:prstGeom>
          <a:noFill/>
          <a:ln>
            <a:solidFill>
              <a:schemeClr val="accent2"/>
            </a:solidFill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5" name="Picture 74">
            <a:extLst>
              <a:ext uri="{FF2B5EF4-FFF2-40B4-BE49-F238E27FC236}">
                <a16:creationId xmlns:a16="http://schemas.microsoft.com/office/drawing/2014/main" id="{E513008B-3EF3-49B6-B11C-99C7818E18DD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1244815" y="3551589"/>
            <a:ext cx="267161" cy="260481"/>
          </a:xfrm>
          <a:prstGeom prst="rect">
            <a:avLst/>
          </a:prstGeom>
        </p:spPr>
      </p:pic>
      <p:pic>
        <p:nvPicPr>
          <p:cNvPr id="78" name="Picture 77" descr="A picture containing light, close&#10;&#10;Description automatically generated">
            <a:extLst>
              <a:ext uri="{FF2B5EF4-FFF2-40B4-BE49-F238E27FC236}">
                <a16:creationId xmlns:a16="http://schemas.microsoft.com/office/drawing/2014/main" id="{605367D3-9F20-44AE-9F1E-0C074ED69AEF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267097" y="2890981"/>
            <a:ext cx="259802" cy="259802"/>
          </a:xfrm>
          <a:prstGeom prst="rect">
            <a:avLst/>
          </a:prstGeom>
        </p:spPr>
      </p:pic>
      <p:pic>
        <p:nvPicPr>
          <p:cNvPr id="81" name="Picture 80">
            <a:extLst>
              <a:ext uri="{FF2B5EF4-FFF2-40B4-BE49-F238E27FC236}">
                <a16:creationId xmlns:a16="http://schemas.microsoft.com/office/drawing/2014/main" id="{D47860D0-CF4D-4D56-B530-C7C63740DD53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1251723" y="3888942"/>
            <a:ext cx="271773" cy="265431"/>
          </a:xfrm>
          <a:prstGeom prst="rect">
            <a:avLst/>
          </a:prstGeom>
        </p:spPr>
      </p:pic>
      <p:pic>
        <p:nvPicPr>
          <p:cNvPr id="82" name="Picture 2" descr="D:\APTARA_WFH\02-02-2022\Used Images\MS Office.jpg">
            <a:extLst>
              <a:ext uri="{FF2B5EF4-FFF2-40B4-BE49-F238E27FC236}">
                <a16:creationId xmlns:a16="http://schemas.microsoft.com/office/drawing/2014/main" id="{82DFBB52-AA92-4410-B48F-738BBA0C066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64271" y="3230055"/>
            <a:ext cx="273392" cy="2671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5" name="Picture 2">
            <a:extLst>
              <a:ext uri="{FF2B5EF4-FFF2-40B4-BE49-F238E27FC236}">
                <a16:creationId xmlns:a16="http://schemas.microsoft.com/office/drawing/2014/main" id="{47156429-F323-4B74-851A-B3172ADC5B7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254735" y="4904199"/>
            <a:ext cx="265652" cy="2518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2" name="Picture 121">
            <a:extLst>
              <a:ext uri="{FF2B5EF4-FFF2-40B4-BE49-F238E27FC236}">
                <a16:creationId xmlns:a16="http://schemas.microsoft.com/office/drawing/2014/main" id="{0E200A36-5302-400B-A48A-44C149C9E974}"/>
              </a:ext>
            </a:extLst>
          </p:cNvPr>
          <p:cNvPicPr>
            <a:picLocks noChangeAspect="1"/>
          </p:cNvPicPr>
          <p:nvPr/>
        </p:nvPicPr>
        <p:blipFill>
          <a:blip r:embed="rId11"/>
          <a:srcRect/>
          <a:stretch/>
        </p:blipFill>
        <p:spPr>
          <a:xfrm>
            <a:off x="1276971" y="5889034"/>
            <a:ext cx="194521" cy="275081"/>
          </a:xfrm>
          <a:prstGeom prst="rect">
            <a:avLst/>
          </a:prstGeom>
        </p:spPr>
      </p:pic>
      <p:pic>
        <p:nvPicPr>
          <p:cNvPr id="129" name="Picture 128">
            <a:extLst>
              <a:ext uri="{FF2B5EF4-FFF2-40B4-BE49-F238E27FC236}">
                <a16:creationId xmlns:a16="http://schemas.microsoft.com/office/drawing/2014/main" id="{ECDCDB72-B6F4-44AD-ABF0-996E0BB99BAD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/>
          <a:stretch/>
        </p:blipFill>
        <p:spPr>
          <a:xfrm>
            <a:off x="1292893" y="5552907"/>
            <a:ext cx="198820" cy="281160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214433D1-876D-46E5-2D19-2EC33EE6E2DD}"/>
              </a:ext>
            </a:extLst>
          </p:cNvPr>
          <p:cNvSpPr txBox="1"/>
          <p:nvPr/>
        </p:nvSpPr>
        <p:spPr>
          <a:xfrm>
            <a:off x="1585499" y="5175596"/>
            <a:ext cx="2269273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Camtasia</a:t>
            </a:r>
            <a:endParaRPr lang="en-IN" sz="1600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FCCBCD61-2129-7211-B7FC-F95A790DC67A}"/>
              </a:ext>
            </a:extLst>
          </p:cNvPr>
          <p:cNvPicPr>
            <a:picLocks noChangeAspect="1"/>
          </p:cNvPicPr>
          <p:nvPr/>
        </p:nvPicPr>
        <p:blipFill>
          <a:blip r:embed="rId13"/>
          <a:srcRect/>
          <a:stretch/>
        </p:blipFill>
        <p:spPr>
          <a:xfrm>
            <a:off x="1264271" y="5208337"/>
            <a:ext cx="271773" cy="273073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35700224-95CA-1411-9AA6-A268CFE3BB5B}"/>
              </a:ext>
            </a:extLst>
          </p:cNvPr>
          <p:cNvSpPr txBox="1"/>
          <p:nvPr/>
        </p:nvSpPr>
        <p:spPr>
          <a:xfrm>
            <a:off x="1580384" y="4188044"/>
            <a:ext cx="385027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err="1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Vyond</a:t>
            </a:r>
            <a:endParaRPr lang="en-IN" sz="1600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9DF56D22-A2A9-F5D0-8845-4CAF71930636}"/>
              </a:ext>
            </a:extLst>
          </p:cNvPr>
          <p:cNvSpPr txBox="1"/>
          <p:nvPr/>
        </p:nvSpPr>
        <p:spPr>
          <a:xfrm>
            <a:off x="6240185" y="4188044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NA</a:t>
            </a:r>
            <a:endParaRPr lang="en-IN" sz="1600"/>
          </a:p>
        </p:txBody>
      </p:sp>
      <p:pic>
        <p:nvPicPr>
          <p:cNvPr id="14" name="Picture 2">
            <a:extLst>
              <a:ext uri="{FF2B5EF4-FFF2-40B4-BE49-F238E27FC236}">
                <a16:creationId xmlns:a16="http://schemas.microsoft.com/office/drawing/2014/main" id="{16B1FA51-A8A5-93BB-3528-2B8E1A5B3EB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4"/>
          <a:srcRect/>
          <a:stretch/>
        </p:blipFill>
        <p:spPr bwMode="auto">
          <a:xfrm>
            <a:off x="1256771" y="4567771"/>
            <a:ext cx="249055" cy="24357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6" name="Picture 2">
            <a:extLst>
              <a:ext uri="{FF2B5EF4-FFF2-40B4-BE49-F238E27FC236}">
                <a16:creationId xmlns:a16="http://schemas.microsoft.com/office/drawing/2014/main" id="{A70BE3A0-66E3-30AB-A028-C81E460970D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5"/>
          <a:srcRect/>
          <a:stretch/>
        </p:blipFill>
        <p:spPr bwMode="auto">
          <a:xfrm>
            <a:off x="1276095" y="4248711"/>
            <a:ext cx="251816" cy="2518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1" name="TextBox 20">
            <a:extLst>
              <a:ext uri="{FF2B5EF4-FFF2-40B4-BE49-F238E27FC236}">
                <a16:creationId xmlns:a16="http://schemas.microsoft.com/office/drawing/2014/main" id="{BF969766-E927-F3C6-22A6-10F9EE5B6A91}"/>
              </a:ext>
            </a:extLst>
          </p:cNvPr>
          <p:cNvSpPr txBox="1"/>
          <p:nvPr/>
        </p:nvSpPr>
        <p:spPr>
          <a:xfrm>
            <a:off x="1587817" y="4507225"/>
            <a:ext cx="385027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/>
              <a:t>Adobe Captivate</a:t>
            </a:r>
          </a:p>
        </p:txBody>
      </p:sp>
      <p:sp>
        <p:nvSpPr>
          <p:cNvPr id="51" name="TextBox 50">
            <a:extLst>
              <a:ext uri="{FF2B5EF4-FFF2-40B4-BE49-F238E27FC236}">
                <a16:creationId xmlns:a16="http://schemas.microsoft.com/office/drawing/2014/main" id="{264C7EB8-8DF7-A630-52A4-6D2907C85828}"/>
              </a:ext>
            </a:extLst>
          </p:cNvPr>
          <p:cNvSpPr txBox="1"/>
          <p:nvPr/>
        </p:nvSpPr>
        <p:spPr>
          <a:xfrm>
            <a:off x="6240185" y="4509736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>
                <a:solidFill>
                  <a:schemeClr val="dk1"/>
                </a:solidFill>
              </a:rPr>
              <a:t>Expert</a:t>
            </a:r>
            <a:endParaRPr lang="en-IN" sz="1600"/>
          </a:p>
        </p:txBody>
      </p:sp>
    </p:spTree>
    <p:extLst>
      <p:ext uri="{BB962C8B-B14F-4D97-AF65-F5344CB8AC3E}">
        <p14:creationId xmlns:p14="http://schemas.microsoft.com/office/powerpoint/2010/main" val="34747081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38" name="Content Placeholder 17"/>
          <p:cNvSpPr txBox="1">
            <a:spLocks/>
          </p:cNvSpPr>
          <p:nvPr/>
        </p:nvSpPr>
        <p:spPr>
          <a:xfrm>
            <a:off x="541610" y="1298928"/>
            <a:ext cx="11108780" cy="777675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50000"/>
              </a:lnSpc>
              <a:spcAft>
                <a:spcPts val="600"/>
              </a:spcAft>
              <a:buNone/>
              <a:defRPr/>
            </a:pPr>
            <a:endParaRPr lang="en-US" sz="1400"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1" name="Title 9">
            <a:extLst>
              <a:ext uri="{FF2B5EF4-FFF2-40B4-BE49-F238E27FC236}">
                <a16:creationId xmlns:a16="http://schemas.microsoft.com/office/drawing/2014/main" id="{4457108E-765E-4C3D-9A2F-D8206D49C96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657856" y="3108960"/>
            <a:ext cx="6876288" cy="640080"/>
          </a:xfrm>
        </p:spPr>
        <p:txBody>
          <a:bodyPr>
            <a:noAutofit/>
          </a:bodyPr>
          <a:lstStyle/>
          <a:p>
            <a:pPr algn="ctr"/>
            <a:r>
              <a:rPr lang="en-US" sz="4800" b="1">
                <a:solidFill>
                  <a:srgbClr val="0070C0"/>
                </a:solidFill>
                <a:latin typeface="Montserrat" panose="02000505000000020004" pitchFamily="2" charset="0"/>
                <a:cs typeface="Segoe UI Light" panose="020B0502040204020203" pitchFamily="34" charset="0"/>
              </a:rPr>
              <a:t>THANK YOU</a:t>
            </a:r>
          </a:p>
        </p:txBody>
      </p:sp>
      <p:pic>
        <p:nvPicPr>
          <p:cNvPr id="14" name="Picture 13" descr="Icon&#10;&#10;Description automatically generated">
            <a:extLst>
              <a:ext uri="{FF2B5EF4-FFF2-40B4-BE49-F238E27FC236}">
                <a16:creationId xmlns:a16="http://schemas.microsoft.com/office/drawing/2014/main" id="{DFC903FF-2F5E-4C6C-A5EA-D3517CE507D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604984" y="6226596"/>
            <a:ext cx="982033" cy="18624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617989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Photoshop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6" name="Content Placeholder 17">
            <a:extLst>
              <a:ext uri="{FF2B5EF4-FFF2-40B4-BE49-F238E27FC236}">
                <a16:creationId xmlns:a16="http://schemas.microsoft.com/office/drawing/2014/main" id="{18A34E90-6472-40EF-A2E7-27C072192E60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Mockups created for storyline course using Photoshop.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5E5EBBD-2989-C70C-D02A-8B729F5DF014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28073" y="1825557"/>
            <a:ext cx="7007295" cy="392356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4B4C4F27-824D-229B-0DC8-EC712DC9EAD4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7840641" y="1856751"/>
            <a:ext cx="3275774" cy="1834188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3EBCD9F8-86FF-C03D-3C36-F5F0677D4F9F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7843513" y="3902962"/>
            <a:ext cx="3319017" cy="185840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8936099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Photoshop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6" name="Content Placeholder 17">
            <a:extLst>
              <a:ext uri="{FF2B5EF4-FFF2-40B4-BE49-F238E27FC236}">
                <a16:creationId xmlns:a16="http://schemas.microsoft.com/office/drawing/2014/main" id="{18A34E90-6472-40EF-A2E7-27C072192E60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Mockups created for storyline course using Photoshop.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5E5EBBD-2989-C70C-D02A-8B729F5DF014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706848" y="2225335"/>
            <a:ext cx="5389152" cy="301752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4B4C4F27-824D-229B-0DC8-EC712DC9EAD4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6396202" y="1393952"/>
            <a:ext cx="4245995" cy="237744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3EBCD9F8-86FF-C03D-3C36-F5F0677D4F9F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6388322" y="3995967"/>
            <a:ext cx="4245997" cy="237744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711285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733466"/>
            <a:ext cx="2823064" cy="73866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6691733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This WCAG storyline course is created using the tools mentioned below.</a:t>
            </a:r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3949BA70-CAFF-3EFA-F7E3-522504C38579}"/>
              </a:ext>
            </a:extLst>
          </p:cNvPr>
          <p:cNvGrpSpPr/>
          <p:nvPr/>
        </p:nvGrpSpPr>
        <p:grpSpPr>
          <a:xfrm>
            <a:off x="3415922" y="2212317"/>
            <a:ext cx="5423119" cy="3872086"/>
            <a:chOff x="6202987" y="1832322"/>
            <a:chExt cx="5423119" cy="3872086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0B334C31-62DF-C8BD-DCD2-BCECA5FCDC1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l="6902" t="5325" r="8015" b="3494"/>
            <a:stretch/>
          </p:blipFill>
          <p:spPr>
            <a:xfrm>
              <a:off x="6202987" y="1832322"/>
              <a:ext cx="5423119" cy="3872086"/>
            </a:xfrm>
            <a:prstGeom prst="rect">
              <a:avLst/>
            </a:prstGeom>
            <a:ln>
              <a:noFill/>
            </a:ln>
          </p:spPr>
        </p:pic>
        <p:sp>
          <p:nvSpPr>
            <p:cNvPr id="17" name="Rectangle 16">
              <a:extLst>
                <a:ext uri="{FF2B5EF4-FFF2-40B4-BE49-F238E27FC236}">
                  <a16:creationId xmlns:a16="http://schemas.microsoft.com/office/drawing/2014/main" id="{B9568F7F-19A7-96CF-7134-8197F186DA9B}"/>
                </a:ext>
              </a:extLst>
            </p:cNvPr>
            <p:cNvSpPr/>
            <p:nvPr/>
          </p:nvSpPr>
          <p:spPr>
            <a:xfrm>
              <a:off x="7233342" y="2223932"/>
              <a:ext cx="3453655" cy="2151473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pic>
          <p:nvPicPr>
            <p:cNvPr id="13" name="Picture 12">
              <a:extLst>
                <a:ext uri="{FF2B5EF4-FFF2-40B4-BE49-F238E27FC236}">
                  <a16:creationId xmlns:a16="http://schemas.microsoft.com/office/drawing/2014/main" id="{2D513746-BE1C-1EBE-5DE0-0C9110A40CCC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rcRect/>
            <a:stretch/>
          </p:blipFill>
          <p:spPr>
            <a:xfrm>
              <a:off x="7240017" y="2336512"/>
              <a:ext cx="3440304" cy="1926312"/>
            </a:xfrm>
            <a:prstGeom prst="rect">
              <a:avLst/>
            </a:prstGeom>
          </p:spPr>
        </p:pic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1413179C-800B-8198-5DBC-2C2BA235E019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8141252" y="3044001"/>
            <a:ext cx="3592767" cy="2011680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  <p:pic>
        <p:nvPicPr>
          <p:cNvPr id="16" name="Picture 15">
            <a:extLst>
              <a:ext uri="{FF2B5EF4-FFF2-40B4-BE49-F238E27FC236}">
                <a16:creationId xmlns:a16="http://schemas.microsoft.com/office/drawing/2014/main" id="{302DE325-24FD-E2E5-8E75-BDE840048F6A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/>
          <a:stretch/>
        </p:blipFill>
        <p:spPr>
          <a:xfrm>
            <a:off x="595757" y="3044001"/>
            <a:ext cx="3592766" cy="2011680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5561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4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5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6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7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733466"/>
            <a:ext cx="2823064" cy="73866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6691733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This WCAG storyline course is created using the tools mentioned below.</a:t>
            </a:r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1413179C-800B-8198-5DBC-2C2BA235E019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724342" y="4298306"/>
            <a:ext cx="4564684" cy="2194560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  <p:pic>
        <p:nvPicPr>
          <p:cNvPr id="16" name="Picture 15">
            <a:extLst>
              <a:ext uri="{FF2B5EF4-FFF2-40B4-BE49-F238E27FC236}">
                <a16:creationId xmlns:a16="http://schemas.microsoft.com/office/drawing/2014/main" id="{302DE325-24FD-E2E5-8E75-BDE840048F6A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20470" y="2733114"/>
            <a:ext cx="5675429" cy="2728572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  <p:sp>
        <p:nvSpPr>
          <p:cNvPr id="1026" name="AutoShape 2" descr="data:image/png;base64,%20iVBORw0KGgoAAAANSUhEUgAAA8QAAAJ5CAYAAABoj/noAAAAAXNSR0IArs4c6QAAAARnQU1BAACxjwv8YQUAAAAJcEhZcwAADsMAAA7DAcdvqGQAAP+lSURBVHhe7P0JuCxZVecNr8w8053nqntrnkcooZgKRJFBURm0HbpbRUBtxAkRbWlRHwVFv7fb531buz/b7k8KXltQm1ZbBZSpQIoqqKKoeZ5vVd2quvN47hlz+NZ/7b0idkRG5olzbx6osv6/c3bG3muvvfaOIXPtFREZK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HJeDg/8P4w462axjq2cAAAAASUVORK5CYII="/>
          <p:cNvSpPr>
            <a:spLocks noChangeAspect="1" noChangeArrowheads="1"/>
          </p:cNvSpPr>
          <p:nvPr/>
        </p:nvSpPr>
        <p:spPr bwMode="auto">
          <a:xfrm>
            <a:off x="212725" y="-144463"/>
            <a:ext cx="304800" cy="304801"/>
          </a:xfrm>
          <a:prstGeom prst="rect">
            <a:avLst/>
          </a:prstGeom>
          <a:noFill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028" name="AutoShape 4" descr="data:image/png;base64,%20iVBORw0KGgoAAAANSUhEUgAAA8QAAAJ5CAYAAABoj/noAAAAAXNSR0IArs4c6QAAAARnQU1BAACxjwv8YQUAAAAJcEhZcwAADsMAAA7DAcdvqGQAAP+lSURBVHhe7P0JuCxZVecNr8w8053nqntrnkcooZgKRJFBURm0HbpbRUBtxAkRbWlRHwVFv7fb531buz/b7k8KXltQm1ZbBZSpQIoqqKKoeZ5vVd2quvN47hlz+NZ/7b0idkRG5olzbx6osv6/c3bG3muvvfaOIXPtFREZK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HJeDg/8P4w462axjq2cAAAAASUVORK5CYII="/>
          <p:cNvSpPr>
            <a:spLocks noChangeAspect="1" noChangeArrowheads="1"/>
          </p:cNvSpPr>
          <p:nvPr/>
        </p:nvSpPr>
        <p:spPr bwMode="auto">
          <a:xfrm>
            <a:off x="212725" y="-144463"/>
            <a:ext cx="304800" cy="304801"/>
          </a:xfrm>
          <a:prstGeom prst="rect">
            <a:avLst/>
          </a:prstGeom>
          <a:noFill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030" name="AutoShape 6" descr="data:image/png;base64,%20iVBORw0KGgoAAAANSUhEUgAAA8QAAAJ5CAYAAABoj/noAAAAAXNSR0IArs4c6QAAAARnQU1BAACxjwv8YQUAAAAJcEhZcwAADsMAAA7DAcdvqGQAAP+lSURBVHhe7P0JuCxZVecNr8w8053nqntrnkcooZgKRJFBURm0HbpbRUBtxAkRbWlRHwVFv7fb531buz/b7k8KXltQm1ZbBZSpQIoqqKKoeZ5vVd2quvN47hlz+NZ/7b0idkRG5olzbx6osv6/c3bG3muvvfaOIXPtFREZK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HJeDg/8P4w462axjq2cAAAAASUVORK5CYII="/>
          <p:cNvSpPr>
            <a:spLocks noChangeAspect="1" noChangeArrowheads="1"/>
          </p:cNvSpPr>
          <p:nvPr/>
        </p:nvSpPr>
        <p:spPr bwMode="auto">
          <a:xfrm>
            <a:off x="212725" y="-144463"/>
            <a:ext cx="304800" cy="304801"/>
          </a:xfrm>
          <a:prstGeom prst="rect">
            <a:avLst/>
          </a:prstGeom>
          <a:noFill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032" name="AutoShape 8" descr="data:image/png;base64,%20iVBORw0KGgoAAAANSUhEUgAAA8QAAAJ5CAYAAABoj/noAAAAAXNSR0IArs4c6QAAAARnQU1BAACxjwv8YQUAAAAJcEhZcwAADsMAAA7DAcdvqGQAAP+lSURBVHhe7P0JuCxZVecNr8w8053nqntrnkcooZgKRJFBURm0HbpbRUBtxAkRbWlRHwVFv7fb531buz/b7k8KXltQm1ZbBZSpQIoqqKKoeZ5vVd2quvN47hlz+NZ/7b0idkRG5olzbx6osv6/c3bG3muvvfaOIXPtFREZK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HJeDg/8P4w462axjq2cAAAAASUVORK5CYII="/>
          <p:cNvSpPr>
            <a:spLocks noChangeAspect="1" noChangeArrowheads="1"/>
          </p:cNvSpPr>
          <p:nvPr/>
        </p:nvSpPr>
        <p:spPr bwMode="auto">
          <a:xfrm>
            <a:off x="212725" y="-144463"/>
            <a:ext cx="304800" cy="304801"/>
          </a:xfrm>
          <a:prstGeom prst="rect">
            <a:avLst/>
          </a:prstGeom>
          <a:noFill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pic>
        <p:nvPicPr>
          <p:cNvPr id="13" name="Picture 12">
            <a:extLst>
              <a:ext uri="{FF2B5EF4-FFF2-40B4-BE49-F238E27FC236}">
                <a16:creationId xmlns:a16="http://schemas.microsoft.com/office/drawing/2014/main" id="{2D513746-BE1C-1EBE-5DE0-0C9110A40CCC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724341" y="1806459"/>
            <a:ext cx="4564684" cy="2194560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5561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832322"/>
            <a:ext cx="2823064" cy="73866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925615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This storyline course  is created using the tools mentioned below.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B334C31-62DF-C8BD-DCD2-BCECA5FCDC1F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6902" t="5325" r="8015" b="3494"/>
          <a:stretch/>
        </p:blipFill>
        <p:spPr>
          <a:xfrm>
            <a:off x="6669712" y="1832322"/>
            <a:ext cx="5423119" cy="3872086"/>
          </a:xfrm>
          <a:prstGeom prst="rect">
            <a:avLst/>
          </a:prstGeom>
          <a:ln>
            <a:noFill/>
          </a:ln>
        </p:spPr>
      </p:pic>
      <p:sp>
        <p:nvSpPr>
          <p:cNvPr id="17" name="Rectangle 16">
            <a:extLst>
              <a:ext uri="{FF2B5EF4-FFF2-40B4-BE49-F238E27FC236}">
                <a16:creationId xmlns:a16="http://schemas.microsoft.com/office/drawing/2014/main" id="{B9568F7F-19A7-96CF-7134-8197F186DA9B}"/>
              </a:ext>
            </a:extLst>
          </p:cNvPr>
          <p:cNvSpPr/>
          <p:nvPr/>
        </p:nvSpPr>
        <p:spPr>
          <a:xfrm>
            <a:off x="7709592" y="2223932"/>
            <a:ext cx="3453655" cy="2151473"/>
          </a:xfrm>
          <a:prstGeom prst="rect">
            <a:avLst/>
          </a:prstGeom>
          <a:solidFill>
            <a:schemeClr val="tx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959D39EB-6BA5-83A4-7FA8-26CAF3C5576E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7718287" y="2347224"/>
            <a:ext cx="3417213" cy="1923938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0F48D7F9-B2D4-820F-A8ED-ABE41C4152DB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3560556" y="1912160"/>
            <a:ext cx="3417213" cy="1923938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00B2D5D3-6FB4-7C16-D718-29E042CF0A83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/>
          <a:stretch/>
        </p:blipFill>
        <p:spPr>
          <a:xfrm>
            <a:off x="484450" y="4038030"/>
            <a:ext cx="3962834" cy="223113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517434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4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832322"/>
            <a:ext cx="2823064" cy="73866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925615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This storyline course  is created using the tools mentioned below.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B334C31-62DF-C8BD-DCD2-BCECA5FCDC1F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6902" t="5325" r="8015" b="3494"/>
          <a:stretch/>
        </p:blipFill>
        <p:spPr>
          <a:xfrm>
            <a:off x="6669712" y="1832322"/>
            <a:ext cx="5423119" cy="3872086"/>
          </a:xfrm>
          <a:prstGeom prst="rect">
            <a:avLst/>
          </a:prstGeom>
          <a:ln>
            <a:noFill/>
          </a:ln>
        </p:spPr>
      </p:pic>
      <p:sp>
        <p:nvSpPr>
          <p:cNvPr id="17" name="Rectangle 16">
            <a:extLst>
              <a:ext uri="{FF2B5EF4-FFF2-40B4-BE49-F238E27FC236}">
                <a16:creationId xmlns:a16="http://schemas.microsoft.com/office/drawing/2014/main" id="{B9568F7F-19A7-96CF-7134-8197F186DA9B}"/>
              </a:ext>
            </a:extLst>
          </p:cNvPr>
          <p:cNvSpPr/>
          <p:nvPr/>
        </p:nvSpPr>
        <p:spPr>
          <a:xfrm>
            <a:off x="7709592" y="2223932"/>
            <a:ext cx="3453655" cy="2151473"/>
          </a:xfrm>
          <a:prstGeom prst="rect">
            <a:avLst/>
          </a:prstGeom>
          <a:solidFill>
            <a:schemeClr val="tx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959D39EB-6BA5-83A4-7FA8-26CAF3C5576E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7718287" y="2347224"/>
            <a:ext cx="3417213" cy="1923938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0F48D7F9-B2D4-820F-A8ED-ABE41C4152DB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3560556" y="1912160"/>
            <a:ext cx="3417213" cy="1923938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00B2D5D3-6FB4-7C16-D718-29E042CF0A83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484450" y="4038030"/>
            <a:ext cx="3962834" cy="223113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383526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grpSp>
        <p:nvGrpSpPr>
          <p:cNvPr id="2" name="Group 1">
            <a:extLst>
              <a:ext uri="{FF2B5EF4-FFF2-40B4-BE49-F238E27FC236}">
                <a16:creationId xmlns:a16="http://schemas.microsoft.com/office/drawing/2014/main" id="{5DDD7489-600F-38C0-1D10-D9C384DCA704}"/>
              </a:ext>
            </a:extLst>
          </p:cNvPr>
          <p:cNvGrpSpPr/>
          <p:nvPr/>
        </p:nvGrpSpPr>
        <p:grpSpPr>
          <a:xfrm>
            <a:off x="1739770" y="1789041"/>
            <a:ext cx="6219184" cy="4509090"/>
            <a:chOff x="6669712" y="1832322"/>
            <a:chExt cx="5423119" cy="3872086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0B334C31-62DF-C8BD-DCD2-BCECA5FCDC1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l="6902" t="5325" r="8015" b="3494"/>
            <a:stretch/>
          </p:blipFill>
          <p:spPr>
            <a:xfrm>
              <a:off x="6669712" y="1832322"/>
              <a:ext cx="5423119" cy="3872086"/>
            </a:xfrm>
            <a:prstGeom prst="rect">
              <a:avLst/>
            </a:prstGeom>
            <a:ln>
              <a:noFill/>
            </a:ln>
          </p:spPr>
        </p:pic>
        <p:sp>
          <p:nvSpPr>
            <p:cNvPr id="17" name="Rectangle 16">
              <a:extLst>
                <a:ext uri="{FF2B5EF4-FFF2-40B4-BE49-F238E27FC236}">
                  <a16:creationId xmlns:a16="http://schemas.microsoft.com/office/drawing/2014/main" id="{B9568F7F-19A7-96CF-7134-8197F186DA9B}"/>
                </a:ext>
              </a:extLst>
            </p:cNvPr>
            <p:cNvSpPr/>
            <p:nvPr/>
          </p:nvSpPr>
          <p:spPr>
            <a:xfrm>
              <a:off x="7697691" y="2223932"/>
              <a:ext cx="3453655" cy="2151473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959D39EB-6BA5-83A4-7FA8-26CAF3C5576E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rcRect/>
            <a:stretch/>
          </p:blipFill>
          <p:spPr>
            <a:xfrm>
              <a:off x="7696961" y="2347224"/>
              <a:ext cx="3436064" cy="1923938"/>
            </a:xfrm>
            <a:prstGeom prst="rect">
              <a:avLst/>
            </a:prstGeom>
          </p:spPr>
        </p:pic>
      </p:grpSp>
      <p:pic>
        <p:nvPicPr>
          <p:cNvPr id="6" name="Picture 5">
            <a:extLst>
              <a:ext uri="{FF2B5EF4-FFF2-40B4-BE49-F238E27FC236}">
                <a16:creationId xmlns:a16="http://schemas.microsoft.com/office/drawing/2014/main" id="{0F48D7F9-B2D4-820F-A8ED-ABE41C4152DB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7615660" y="3978670"/>
            <a:ext cx="3919383" cy="2194560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00B2D5D3-6FB4-7C16-D718-29E042CF0A83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/>
          <a:stretch/>
        </p:blipFill>
        <p:spPr>
          <a:xfrm>
            <a:off x="7615659" y="1479930"/>
            <a:ext cx="3919382" cy="2194560"/>
          </a:xfrm>
          <a:prstGeom prst="rect">
            <a:avLst/>
          </a:prstGeom>
        </p:spPr>
      </p:pic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733466"/>
            <a:ext cx="2823064" cy="73866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6369937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This storyline course is created using the tools mentioned below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34796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57581"/>
            <a:ext cx="10460829" cy="640080"/>
          </a:xfrm>
        </p:spPr>
        <p:txBody>
          <a:bodyPr>
            <a:noAutofit/>
          </a:bodyPr>
          <a:lstStyle/>
          <a:p>
            <a:r>
              <a:rPr lang="en-US">
                <a:latin typeface="Segoe UI Light" panose="020B0502040204020203" pitchFamily="34" charset="0"/>
                <a:cs typeface="Segoe UI Light" panose="020B0502040204020203" pitchFamily="34" charset="0"/>
              </a:rPr>
              <a:t>Video Based Learning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3" name="Content Placeholder 17">
            <a:extLst>
              <a:ext uri="{FF2B5EF4-FFF2-40B4-BE49-F238E27FC236}">
                <a16:creationId xmlns:a16="http://schemas.microsoft.com/office/drawing/2014/main" id="{82CD217B-1DDD-4FF4-8B3E-410D7355E683}"/>
              </a:ext>
            </a:extLst>
          </p:cNvPr>
          <p:cNvSpPr txBox="1">
            <a:spLocks/>
          </p:cNvSpPr>
          <p:nvPr/>
        </p:nvSpPr>
        <p:spPr>
          <a:xfrm>
            <a:off x="541609" y="1829147"/>
            <a:ext cx="2823064" cy="95410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Camtasia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Sound Forge</a:t>
            </a:r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37E60C02-069D-4049-BF73-583E6C5D947C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56" name="Group 55">
              <a:extLst>
                <a:ext uri="{FF2B5EF4-FFF2-40B4-BE49-F238E27FC236}">
                  <a16:creationId xmlns:a16="http://schemas.microsoft.com/office/drawing/2014/main" id="{A23EAB68-35D3-470C-A83B-F38F1DAB771F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7" name="Rectangle: Top Corners Rounded 56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B7EF88A3-658A-4DAB-8138-421883C6D561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8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32E519DC-E144-4E40-9312-358C31F6BCEB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59" name="Group 58">
              <a:extLst>
                <a:ext uri="{FF2B5EF4-FFF2-40B4-BE49-F238E27FC236}">
                  <a16:creationId xmlns:a16="http://schemas.microsoft.com/office/drawing/2014/main" id="{3B506429-29C4-4B41-9DDA-71B5232080CD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60" name="Rectangle: Top Corners Rounded 5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EF5C904F-44F6-4AD5-BC94-BEF999BE2F7F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61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4F3D2E5B-8C4C-455B-8F04-6C5E554F7076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2" name="Group 1">
              <a:extLst>
                <a:ext uri="{FF2B5EF4-FFF2-40B4-BE49-F238E27FC236}">
                  <a16:creationId xmlns:a16="http://schemas.microsoft.com/office/drawing/2014/main" id="{7AE8D3EB-C630-42F4-AEF5-AFE92480B186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42" name="Group 41">
                <a:extLst>
                  <a:ext uri="{FF2B5EF4-FFF2-40B4-BE49-F238E27FC236}">
                    <a16:creationId xmlns:a16="http://schemas.microsoft.com/office/drawing/2014/main" id="{B87B67E4-0FE4-4E64-80C5-E40D148BC0DA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43" name="Rectangle: Top Corners Rounded 42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0218522C-8E88-40C8-BB08-36039011D05A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44" name="Group 76">
                  <a:extLst>
                    <a:ext uri="{FF2B5EF4-FFF2-40B4-BE49-F238E27FC236}">
                      <a16:creationId xmlns:a16="http://schemas.microsoft.com/office/drawing/2014/main" id="{262D1155-C347-422A-AADD-946833D0C63C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5" name="Freeform 78">
                    <a:extLst>
                      <a:ext uri="{FF2B5EF4-FFF2-40B4-BE49-F238E27FC236}">
                        <a16:creationId xmlns:a16="http://schemas.microsoft.com/office/drawing/2014/main" id="{A51E3CA6-586A-40A5-AFF7-848E05D79EEB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79">
                    <a:extLst>
                      <a:ext uri="{FF2B5EF4-FFF2-40B4-BE49-F238E27FC236}">
                        <a16:creationId xmlns:a16="http://schemas.microsoft.com/office/drawing/2014/main" id="{F4DB7FB9-033B-465F-A04C-44D67B4D413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0">
                    <a:extLst>
                      <a:ext uri="{FF2B5EF4-FFF2-40B4-BE49-F238E27FC236}">
                        <a16:creationId xmlns:a16="http://schemas.microsoft.com/office/drawing/2014/main" id="{8AE3AAC3-69FF-49FA-96D6-BFD84DEB9EC9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Freeform 81">
                    <a:extLst>
                      <a:ext uri="{FF2B5EF4-FFF2-40B4-BE49-F238E27FC236}">
                        <a16:creationId xmlns:a16="http://schemas.microsoft.com/office/drawing/2014/main" id="{7334547B-51B5-4F52-B88E-140C55F597C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Freeform 82">
                    <a:extLst>
                      <a:ext uri="{FF2B5EF4-FFF2-40B4-BE49-F238E27FC236}">
                        <a16:creationId xmlns:a16="http://schemas.microsoft.com/office/drawing/2014/main" id="{DD14E603-E2A9-4B7A-BA86-A648CB016429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Freeform 83">
                    <a:extLst>
                      <a:ext uri="{FF2B5EF4-FFF2-40B4-BE49-F238E27FC236}">
                        <a16:creationId xmlns:a16="http://schemas.microsoft.com/office/drawing/2014/main" id="{411E29FE-F241-4C67-A853-7A3912FF41BA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1" name="Freeform 84">
                    <a:extLst>
                      <a:ext uri="{FF2B5EF4-FFF2-40B4-BE49-F238E27FC236}">
                        <a16:creationId xmlns:a16="http://schemas.microsoft.com/office/drawing/2014/main" id="{509461DF-0668-4CC0-B752-2F9719CB04D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2" name="Rectangle 85">
                    <a:extLst>
                      <a:ext uri="{FF2B5EF4-FFF2-40B4-BE49-F238E27FC236}">
                        <a16:creationId xmlns:a16="http://schemas.microsoft.com/office/drawing/2014/main" id="{D3A0C7C9-BE0C-49BE-A1D5-FAEBDE917971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3" name="Rectangle 86">
                    <a:extLst>
                      <a:ext uri="{FF2B5EF4-FFF2-40B4-BE49-F238E27FC236}">
                        <a16:creationId xmlns:a16="http://schemas.microsoft.com/office/drawing/2014/main" id="{26959EEB-B246-40A7-A6EC-DBD5503B516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4" name="Rectangle 87">
                    <a:extLst>
                      <a:ext uri="{FF2B5EF4-FFF2-40B4-BE49-F238E27FC236}">
                        <a16:creationId xmlns:a16="http://schemas.microsoft.com/office/drawing/2014/main" id="{E307D18F-51DC-4C11-8B2C-38643F5DBD2E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5" name="Rectangle 88">
                    <a:extLst>
                      <a:ext uri="{FF2B5EF4-FFF2-40B4-BE49-F238E27FC236}">
                        <a16:creationId xmlns:a16="http://schemas.microsoft.com/office/drawing/2014/main" id="{18237F28-CB63-4CC6-8F73-6298295F31E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64" name="Rectangle: Top Corners Rounded 63">
                <a:hlinkClick r:id="" action="ppaction://noaction"/>
                <a:extLst>
                  <a:ext uri="{FF2B5EF4-FFF2-40B4-BE49-F238E27FC236}">
                    <a16:creationId xmlns:a16="http://schemas.microsoft.com/office/drawing/2014/main" id="{B05B1177-D978-42B7-98FD-C2B7260613E2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34" name="Content Placeholder 17">
            <a:extLst>
              <a:ext uri="{FF2B5EF4-FFF2-40B4-BE49-F238E27FC236}">
                <a16:creationId xmlns:a16="http://schemas.microsoft.com/office/drawing/2014/main" id="{5B77C364-C0F1-403E-9F09-66D215413BFA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494415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Video editing in using Camtasia, here are some sample work.</a:t>
            </a:r>
          </a:p>
        </p:txBody>
      </p:sp>
      <p:grpSp>
        <p:nvGrpSpPr>
          <p:cNvPr id="20" name="Group 19">
            <a:extLst>
              <a:ext uri="{FF2B5EF4-FFF2-40B4-BE49-F238E27FC236}">
                <a16:creationId xmlns:a16="http://schemas.microsoft.com/office/drawing/2014/main" id="{E48AEC25-50C4-F3B4-8C66-8135A582CCB7}"/>
              </a:ext>
            </a:extLst>
          </p:cNvPr>
          <p:cNvGrpSpPr/>
          <p:nvPr/>
        </p:nvGrpSpPr>
        <p:grpSpPr>
          <a:xfrm>
            <a:off x="4359330" y="1358988"/>
            <a:ext cx="6880774" cy="4850246"/>
            <a:chOff x="3584717" y="2565312"/>
            <a:chExt cx="3494415" cy="2470541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62730560-EBD2-06FF-5E82-21262B5AAD19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/>
            <a:stretch/>
          </p:blipFill>
          <p:spPr>
            <a:xfrm>
              <a:off x="3584717" y="2565312"/>
              <a:ext cx="3494415" cy="2470541"/>
            </a:xfrm>
            <a:prstGeom prst="rect">
              <a:avLst/>
            </a:prstGeom>
          </p:spPr>
        </p:pic>
        <p:sp>
          <p:nvSpPr>
            <p:cNvPr id="16" name="Rectangle 15">
              <a:extLst>
                <a:ext uri="{FF2B5EF4-FFF2-40B4-BE49-F238E27FC236}">
                  <a16:creationId xmlns:a16="http://schemas.microsoft.com/office/drawing/2014/main" id="{53FB453E-824F-F992-6216-835A04ED0FB0}"/>
                </a:ext>
              </a:extLst>
            </p:cNvPr>
            <p:cNvSpPr/>
            <p:nvPr/>
          </p:nvSpPr>
          <p:spPr>
            <a:xfrm>
              <a:off x="3934609" y="2747193"/>
              <a:ext cx="2822575" cy="1978025"/>
            </a:xfrm>
            <a:prstGeom prst="rect">
              <a:avLst/>
            </a:prstGeom>
          </p:spPr>
          <p:style>
            <a:lnRef idx="2">
              <a:schemeClr val="dk1">
                <a:shade val="15000"/>
              </a:schemeClr>
            </a:lnRef>
            <a:fillRef idx="1">
              <a:schemeClr val="dk1"/>
            </a:fillRef>
            <a:effectRef idx="0">
              <a:schemeClr val="dk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pic>
          <p:nvPicPr>
            <p:cNvPr id="14" name="Picture 13">
              <a:extLst>
                <a:ext uri="{FF2B5EF4-FFF2-40B4-BE49-F238E27FC236}">
                  <a16:creationId xmlns:a16="http://schemas.microsoft.com/office/drawing/2014/main" id="{C78F21FF-7C66-AF99-E54E-F048A8D95CAD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3941245" y="2984420"/>
              <a:ext cx="2809303" cy="1503570"/>
            </a:xfrm>
            <a:prstGeom prst="rect">
              <a:avLst/>
            </a:prstGeom>
          </p:spPr>
        </p:pic>
      </p:grpSp>
      <p:grpSp>
        <p:nvGrpSpPr>
          <p:cNvPr id="6" name="Group 5">
            <a:extLst>
              <a:ext uri="{FF2B5EF4-FFF2-40B4-BE49-F238E27FC236}">
                <a16:creationId xmlns:a16="http://schemas.microsoft.com/office/drawing/2014/main" id="{4BFF653A-0580-AC1C-0E3D-A68D1FC508DF}"/>
              </a:ext>
            </a:extLst>
          </p:cNvPr>
          <p:cNvGrpSpPr/>
          <p:nvPr/>
        </p:nvGrpSpPr>
        <p:grpSpPr>
          <a:xfrm>
            <a:off x="7565319" y="3291590"/>
            <a:ext cx="734566" cy="734566"/>
            <a:chOff x="8663851" y="2766284"/>
            <a:chExt cx="515145" cy="515145"/>
          </a:xfrm>
        </p:grpSpPr>
        <p:sp>
          <p:nvSpPr>
            <p:cNvPr id="9" name="Oval 8">
              <a:extLst>
                <a:ext uri="{FF2B5EF4-FFF2-40B4-BE49-F238E27FC236}">
                  <a16:creationId xmlns:a16="http://schemas.microsoft.com/office/drawing/2014/main" id="{227117A1-9F8E-14D7-029D-A199FE731D58}"/>
                </a:ext>
              </a:extLst>
            </p:cNvPr>
            <p:cNvSpPr/>
            <p:nvPr/>
          </p:nvSpPr>
          <p:spPr>
            <a:xfrm>
              <a:off x="8663851" y="2766284"/>
              <a:ext cx="515145" cy="515145"/>
            </a:xfrm>
            <a:prstGeom prst="ellipse">
              <a:avLst/>
            </a:prstGeom>
            <a:solidFill>
              <a:srgbClr val="C0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10" name="Freeform: Shape 9">
              <a:extLst>
                <a:ext uri="{FF2B5EF4-FFF2-40B4-BE49-F238E27FC236}">
                  <a16:creationId xmlns:a16="http://schemas.microsoft.com/office/drawing/2014/main" id="{0BD7737F-8A46-A6F3-7BBF-F3878C62F0CC}"/>
                </a:ext>
              </a:extLst>
            </p:cNvPr>
            <p:cNvSpPr/>
            <p:nvPr/>
          </p:nvSpPr>
          <p:spPr>
            <a:xfrm>
              <a:off x="8709954" y="2812387"/>
              <a:ext cx="422938" cy="422938"/>
            </a:xfrm>
            <a:custGeom>
              <a:avLst/>
              <a:gdLst>
                <a:gd name="connsiteX0" fmla="*/ 1555718 w 3111436"/>
                <a:gd name="connsiteY0" fmla="*/ 0 h 3111436"/>
                <a:gd name="connsiteX1" fmla="*/ 2655761 w 3111436"/>
                <a:gd name="connsiteY1" fmla="*/ 455676 h 3111436"/>
                <a:gd name="connsiteX2" fmla="*/ 3111437 w 3111436"/>
                <a:gd name="connsiteY2" fmla="*/ 1555718 h 3111436"/>
                <a:gd name="connsiteX3" fmla="*/ 2655761 w 3111436"/>
                <a:gd name="connsiteY3" fmla="*/ 2655761 h 3111436"/>
                <a:gd name="connsiteX4" fmla="*/ 1555718 w 3111436"/>
                <a:gd name="connsiteY4" fmla="*/ 3111437 h 3111436"/>
                <a:gd name="connsiteX5" fmla="*/ 455676 w 3111436"/>
                <a:gd name="connsiteY5" fmla="*/ 2655761 h 3111436"/>
                <a:gd name="connsiteX6" fmla="*/ 0 w 3111436"/>
                <a:gd name="connsiteY6" fmla="*/ 1555718 h 3111436"/>
                <a:gd name="connsiteX7" fmla="*/ 455676 w 3111436"/>
                <a:gd name="connsiteY7" fmla="*/ 455676 h 3111436"/>
                <a:gd name="connsiteX8" fmla="*/ 1555718 w 3111436"/>
                <a:gd name="connsiteY8" fmla="*/ 0 h 3111436"/>
                <a:gd name="connsiteX9" fmla="*/ 1220057 w 3111436"/>
                <a:gd name="connsiteY9" fmla="*/ 1555718 h 3111436"/>
                <a:gd name="connsiteX10" fmla="*/ 1147096 w 3111436"/>
                <a:gd name="connsiteY10" fmla="*/ 1628680 h 3111436"/>
                <a:gd name="connsiteX11" fmla="*/ 1074134 w 3111436"/>
                <a:gd name="connsiteY11" fmla="*/ 1555718 h 3111436"/>
                <a:gd name="connsiteX12" fmla="*/ 1074134 w 3111436"/>
                <a:gd name="connsiteY12" fmla="*/ 897160 h 3111436"/>
                <a:gd name="connsiteX13" fmla="*/ 1147096 w 3111436"/>
                <a:gd name="connsiteY13" fmla="*/ 824294 h 3111436"/>
                <a:gd name="connsiteX14" fmla="*/ 1189577 w 3111436"/>
                <a:gd name="connsiteY14" fmla="*/ 837914 h 3111436"/>
                <a:gd name="connsiteX15" fmla="*/ 2280571 w 3111436"/>
                <a:gd name="connsiteY15" fmla="*/ 1493330 h 3111436"/>
                <a:gd name="connsiteX16" fmla="*/ 2305622 w 3111436"/>
                <a:gd name="connsiteY16" fmla="*/ 1592961 h 3111436"/>
                <a:gd name="connsiteX17" fmla="*/ 2279904 w 3111436"/>
                <a:gd name="connsiteY17" fmla="*/ 1618393 h 3111436"/>
                <a:gd name="connsiteX18" fmla="*/ 1184434 w 3111436"/>
                <a:gd name="connsiteY18" fmla="*/ 2276475 h 3111436"/>
                <a:gd name="connsiteX19" fmla="*/ 1084802 w 3111436"/>
                <a:gd name="connsiteY19" fmla="*/ 2251424 h 3111436"/>
                <a:gd name="connsiteX20" fmla="*/ 1109853 w 3111436"/>
                <a:gd name="connsiteY20" fmla="*/ 2151698 h 3111436"/>
                <a:gd name="connsiteX21" fmla="*/ 2102168 w 3111436"/>
                <a:gd name="connsiteY21" fmla="*/ 1555528 h 3111436"/>
                <a:gd name="connsiteX22" fmla="*/ 1220153 w 3111436"/>
                <a:gd name="connsiteY22" fmla="*/ 1025652 h 3111436"/>
                <a:gd name="connsiteX23" fmla="*/ 1220153 w 3111436"/>
                <a:gd name="connsiteY23" fmla="*/ 1555528 h 3111436"/>
                <a:gd name="connsiteX24" fmla="*/ 2552605 w 3111436"/>
                <a:gd name="connsiteY24" fmla="*/ 558737 h 3111436"/>
                <a:gd name="connsiteX25" fmla="*/ 1555623 w 3111436"/>
                <a:gd name="connsiteY25" fmla="*/ 145828 h 3111436"/>
                <a:gd name="connsiteX26" fmla="*/ 558641 w 3111436"/>
                <a:gd name="connsiteY26" fmla="*/ 558737 h 3111436"/>
                <a:gd name="connsiteX27" fmla="*/ 145733 w 3111436"/>
                <a:gd name="connsiteY27" fmla="*/ 1555718 h 3111436"/>
                <a:gd name="connsiteX28" fmla="*/ 558641 w 3111436"/>
                <a:gd name="connsiteY28" fmla="*/ 2552700 h 3111436"/>
                <a:gd name="connsiteX29" fmla="*/ 1555623 w 3111436"/>
                <a:gd name="connsiteY29" fmla="*/ 2965609 h 3111436"/>
                <a:gd name="connsiteX30" fmla="*/ 2552605 w 3111436"/>
                <a:gd name="connsiteY30" fmla="*/ 2552700 h 3111436"/>
                <a:gd name="connsiteX31" fmla="*/ 2965514 w 3111436"/>
                <a:gd name="connsiteY31" fmla="*/ 1555718 h 3111436"/>
                <a:gd name="connsiteX32" fmla="*/ 2552605 w 3111436"/>
                <a:gd name="connsiteY32" fmla="*/ 558737 h 31114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3111436" h="3111436">
                  <a:moveTo>
                    <a:pt x="1555718" y="0"/>
                  </a:moveTo>
                  <a:cubicBezTo>
                    <a:pt x="1985296" y="0"/>
                    <a:pt x="2374202" y="174117"/>
                    <a:pt x="2655761" y="455676"/>
                  </a:cubicBezTo>
                  <a:cubicBezTo>
                    <a:pt x="2937320" y="737235"/>
                    <a:pt x="3111437" y="1126141"/>
                    <a:pt x="3111437" y="1555718"/>
                  </a:cubicBezTo>
                  <a:cubicBezTo>
                    <a:pt x="3111437" y="1985296"/>
                    <a:pt x="2937320" y="2374202"/>
                    <a:pt x="2655761" y="2655761"/>
                  </a:cubicBezTo>
                  <a:cubicBezTo>
                    <a:pt x="2374202" y="2937320"/>
                    <a:pt x="1985296" y="3111437"/>
                    <a:pt x="1555718" y="3111437"/>
                  </a:cubicBezTo>
                  <a:cubicBezTo>
                    <a:pt x="1126141" y="3111437"/>
                    <a:pt x="737235" y="2937320"/>
                    <a:pt x="455676" y="2655761"/>
                  </a:cubicBezTo>
                  <a:cubicBezTo>
                    <a:pt x="174117" y="2374202"/>
                    <a:pt x="0" y="1985296"/>
                    <a:pt x="0" y="1555718"/>
                  </a:cubicBezTo>
                  <a:cubicBezTo>
                    <a:pt x="0" y="1126141"/>
                    <a:pt x="174117" y="737235"/>
                    <a:pt x="455676" y="455676"/>
                  </a:cubicBezTo>
                  <a:cubicBezTo>
                    <a:pt x="737235" y="174117"/>
                    <a:pt x="1126141" y="0"/>
                    <a:pt x="1555718" y="0"/>
                  </a:cubicBezTo>
                  <a:close/>
                  <a:moveTo>
                    <a:pt x="1220057" y="1555718"/>
                  </a:moveTo>
                  <a:cubicBezTo>
                    <a:pt x="1220057" y="1596009"/>
                    <a:pt x="1187387" y="1628680"/>
                    <a:pt x="1147096" y="1628680"/>
                  </a:cubicBezTo>
                  <a:cubicBezTo>
                    <a:pt x="1106805" y="1628680"/>
                    <a:pt x="1074134" y="1596009"/>
                    <a:pt x="1074134" y="1555718"/>
                  </a:cubicBezTo>
                  <a:lnTo>
                    <a:pt x="1074134" y="897160"/>
                  </a:lnTo>
                  <a:cubicBezTo>
                    <a:pt x="1074134" y="856964"/>
                    <a:pt x="1106805" y="824294"/>
                    <a:pt x="1147096" y="824294"/>
                  </a:cubicBezTo>
                  <a:cubicBezTo>
                    <a:pt x="1162907" y="824294"/>
                    <a:pt x="1177576" y="829342"/>
                    <a:pt x="1189577" y="837914"/>
                  </a:cubicBezTo>
                  <a:lnTo>
                    <a:pt x="2280571" y="1493330"/>
                  </a:lnTo>
                  <a:cubicBezTo>
                    <a:pt x="2314956" y="1513904"/>
                    <a:pt x="2326196" y="1558576"/>
                    <a:pt x="2305622" y="1592961"/>
                  </a:cubicBezTo>
                  <a:cubicBezTo>
                    <a:pt x="2299049" y="1603915"/>
                    <a:pt x="2290096" y="1612487"/>
                    <a:pt x="2279904" y="1618393"/>
                  </a:cubicBezTo>
                  <a:lnTo>
                    <a:pt x="1184434" y="2276475"/>
                  </a:lnTo>
                  <a:cubicBezTo>
                    <a:pt x="1150049" y="2297049"/>
                    <a:pt x="1105376" y="2285810"/>
                    <a:pt x="1084802" y="2251424"/>
                  </a:cubicBezTo>
                  <a:cubicBezTo>
                    <a:pt x="1064133" y="2216944"/>
                    <a:pt x="1075373" y="2172367"/>
                    <a:pt x="1109853" y="2151698"/>
                  </a:cubicBezTo>
                  <a:lnTo>
                    <a:pt x="2102168" y="1555528"/>
                  </a:lnTo>
                  <a:lnTo>
                    <a:pt x="1220153" y="1025652"/>
                  </a:lnTo>
                  <a:lnTo>
                    <a:pt x="1220153" y="1555528"/>
                  </a:lnTo>
                  <a:close/>
                  <a:moveTo>
                    <a:pt x="2552605" y="558737"/>
                  </a:moveTo>
                  <a:cubicBezTo>
                    <a:pt x="2297525" y="303657"/>
                    <a:pt x="1945005" y="145828"/>
                    <a:pt x="1555623" y="145828"/>
                  </a:cubicBezTo>
                  <a:cubicBezTo>
                    <a:pt x="1166336" y="145828"/>
                    <a:pt x="813816" y="303657"/>
                    <a:pt x="558641" y="558737"/>
                  </a:cubicBezTo>
                  <a:cubicBezTo>
                    <a:pt x="303562" y="813816"/>
                    <a:pt x="145733" y="1166336"/>
                    <a:pt x="145733" y="1555718"/>
                  </a:cubicBezTo>
                  <a:cubicBezTo>
                    <a:pt x="145733" y="1945005"/>
                    <a:pt x="303562" y="2297525"/>
                    <a:pt x="558641" y="2552700"/>
                  </a:cubicBezTo>
                  <a:cubicBezTo>
                    <a:pt x="813721" y="2807779"/>
                    <a:pt x="1166241" y="2965609"/>
                    <a:pt x="1555623" y="2965609"/>
                  </a:cubicBezTo>
                  <a:cubicBezTo>
                    <a:pt x="1944910" y="2965609"/>
                    <a:pt x="2297430" y="2807779"/>
                    <a:pt x="2552605" y="2552700"/>
                  </a:cubicBezTo>
                  <a:cubicBezTo>
                    <a:pt x="2807684" y="2297621"/>
                    <a:pt x="2965514" y="1945100"/>
                    <a:pt x="2965514" y="1555718"/>
                  </a:cubicBezTo>
                  <a:cubicBezTo>
                    <a:pt x="2965514" y="1166432"/>
                    <a:pt x="2807684" y="813911"/>
                    <a:pt x="2552605" y="558737"/>
                  </a:cubicBezTo>
                  <a:close/>
                </a:path>
              </a:pathLst>
            </a:custGeom>
            <a:solidFill>
              <a:srgbClr val="FFFFFF"/>
            </a:solidFill>
            <a:ln w="9525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sp>
        <p:nvSpPr>
          <p:cNvPr id="4" name="Rectangle 3">
            <a:hlinkClick r:id="rId7"/>
            <a:extLst>
              <a:ext uri="{FF2B5EF4-FFF2-40B4-BE49-F238E27FC236}">
                <a16:creationId xmlns:a16="http://schemas.microsoft.com/office/drawing/2014/main" id="{2DC00FAB-D895-1648-1DF2-044D1C691BA2}"/>
              </a:ext>
            </a:extLst>
          </p:cNvPr>
          <p:cNvSpPr/>
          <p:nvPr/>
        </p:nvSpPr>
        <p:spPr>
          <a:xfrm>
            <a:off x="7569318" y="3289413"/>
            <a:ext cx="802383" cy="737579"/>
          </a:xfrm>
          <a:prstGeom prst="rect">
            <a:avLst/>
          </a:prstGeom>
          <a:solidFill>
            <a:srgbClr val="5B9BD5">
              <a:alpha val="0"/>
            </a:srgb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7" name="TextBox 1">
            <a:extLst>
              <a:ext uri="{FF2B5EF4-FFF2-40B4-BE49-F238E27FC236}">
                <a16:creationId xmlns:a16="http://schemas.microsoft.com/office/drawing/2014/main" id="{ECB3D259-0835-6FE3-FA70-C2650D2F311D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i="1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 the Play button to play the video sample</a:t>
            </a:r>
            <a:endParaRPr lang="en-US" sz="120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381548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ROJECT_OPEN" val="0"/>
  <p:tag name="ARTICULATE_DESIGN_ID_WELCOMEDOC" val="NkpO14G4"/>
  <p:tag name="ARTICULATE_SLIDE_COUNT" val="10"/>
  <p:tag name="SECTOMILLISECCONVERTED" val="1"/>
  <p:tag name="MMPROD_NEXTUNIQUEID" val="10010"/>
  <p:tag name="MMPROD_UIDATA" val="&lt;database version=&quot;8.0&quot;&gt;&lt;object type=&quot;1&quot; unique_id=&quot;10001&quot;&gt;&lt;object type=&quot;2&quot; unique_id=&quot;11732&quot;&gt;&lt;object type=&quot;3&quot; unique_id=&quot;11733&quot;&gt;&lt;property id=&quot;20148&quot; value=&quot;5&quot;/&gt;&lt;property id=&quot;20300&quot; value=&quot;Slide 1&quot;/&gt;&lt;property id=&quot;20307&quot; value=&quot;299&quot;/&gt;&lt;/object&gt;&lt;object type=&quot;3&quot; unique_id=&quot;11734&quot;&gt;&lt;property id=&quot;20148&quot; value=&quot;5&quot;/&gt;&lt;property id=&quot;20300&quot; value=&quot;Slide 2 - &amp;quot;Photoshop Samples &amp;quot;&quot;/&gt;&lt;property id=&quot;20307&quot; value=&quot;289&quot;/&gt;&lt;/object&gt;&lt;object type=&quot;3&quot; unique_id=&quot;11735&quot;&gt;&lt;property id=&quot;20148&quot; value=&quot;5&quot;/&gt;&lt;property id=&quot;20300&quot; value=&quot;Slide 7 - &amp;quot;Storyline Samples &amp;quot;&quot;/&gt;&lt;property id=&quot;20307&quot; value=&quot;320&quot;/&gt;&lt;/object&gt;&lt;object type=&quot;3&quot; unique_id=&quot;11736&quot;&gt;&lt;property id=&quot;20148&quot; value=&quot;5&quot;/&gt;&lt;property id=&quot;20300&quot; value=&quot;Slide 8 - &amp;quot; Storyline Samples &amp;quot;&quot;/&gt;&lt;property id=&quot;20307&quot; value=&quot;330&quot;/&gt;&lt;/object&gt;&lt;object type=&quot;3&quot; unique_id=&quot;11737&quot;&gt;&lt;property id=&quot;20148&quot; value=&quot;5&quot;/&gt;&lt;property id=&quot;20300&quot; value=&quot;Slide 9 - &amp;quot;Rise Samples&amp;quot;&quot;/&gt;&lt;property id=&quot;20307&quot; value=&quot;328&quot;/&gt;&lt;/object&gt;&lt;object type=&quot;3&quot; unique_id=&quot;11741&quot;&gt;&lt;property id=&quot;20148&quot; value=&quot;5&quot;/&gt;&lt;property id=&quot;20300&quot; value=&quot;Slide 10 - &amp;quot; Illustrator Samples&amp;quot;&quot;/&gt;&lt;property id=&quot;20307&quot; value=&quot;332&quot;/&gt;&lt;/object&gt;&lt;object type=&quot;3&quot; unique_id=&quot;11742&quot;&gt;&lt;property id=&quot;20148&quot; value=&quot;5&quot;/&gt;&lt;property id=&quot;20300&quot; value=&quot;Slide 11 - &amp;quot;Training Tool&amp;quot;&quot;/&gt;&lt;property id=&quot;20307&quot; value=&quot;333&quot;/&gt;&lt;/object&gt;&lt;object type=&quot;3&quot; unique_id=&quot;11743&quot;&gt;&lt;property id=&quot;20148&quot; value=&quot;5&quot;/&gt;&lt;property id=&quot;20300&quot; value=&quot;Slide 12 - &amp;quot;THANK YOU&amp;quot;&quot;/&gt;&lt;property id=&quot;20307&quot; value=&quot;298&quot;/&gt;&lt;/object&gt;&lt;object type=&quot;3&quot; unique_id=&quot;12818&quot;&gt;&lt;property id=&quot;20148&quot; value=&quot;5&quot;/&gt;&lt;property id=&quot;20300&quot; value=&quot;Slide 3 - &amp;quot;Photoshop Samples &amp;quot;&quot;/&gt;&lt;property id=&quot;20307&quot; value=&quot;337&quot;/&gt;&lt;/object&gt;&lt;object type=&quot;3&quot; unique_id=&quot;12819&quot;&gt;&lt;property id=&quot;20148&quot; value=&quot;5&quot;/&gt;&lt;property id=&quot;20300&quot; value=&quot;Slide 4 - &amp;quot;Photoshop Samples &amp;quot;&quot;/&gt;&lt;property id=&quot;20307&quot; value=&quot;335&quot;/&gt;&lt;/object&gt;&lt;object type=&quot;3&quot; unique_id=&quot;12820&quot;&gt;&lt;property id=&quot;20148&quot; value=&quot;5&quot;/&gt;&lt;property id=&quot;20300&quot; value=&quot;Slide 5 - &amp;quot;Photoshop Samples &amp;quot;&quot;/&gt;&lt;property id=&quot;20307&quot; value=&quot;336&quot;/&gt;&lt;/object&gt;&lt;object type=&quot;3&quot; unique_id=&quot;12821&quot;&gt;&lt;property id=&quot;20148&quot; value=&quot;5&quot;/&gt;&lt;property id=&quot;20300&quot; value=&quot;Slide 6 - &amp;quot;Flash Video Mockups&amp;quot;&quot;/&gt;&lt;property id=&quot;20307&quot; value=&quot;334&quot;/&gt;&lt;/object&gt;&lt;/object&gt;&lt;object type=&quot;8&quot; unique_id=&quot;11756&quot;&gt;&lt;/object&gt;&lt;/object&gt;&lt;/database&gt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WelcomeDoc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Segoe UI">
      <a:majorFont>
        <a:latin typeface="Segoe UI Light"/>
        <a:ea typeface=""/>
        <a:cs typeface=""/>
      </a:majorFont>
      <a:minorFont>
        <a:latin typeface="Segoe UI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f10001108_win32_fixed.potx" id="{9A9BE078-57A7-48B2-9D33-8EFC365D262A}" vid="{66905093-CF97-471D-A25F-2AFDA5521695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253</Words>
  <Application>Microsoft Office PowerPoint</Application>
  <PresentationFormat>Widescreen</PresentationFormat>
  <Paragraphs>78</Paragraphs>
  <Slides>13</Slides>
  <Notes>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3</vt:i4>
      </vt:variant>
    </vt:vector>
  </HeadingPairs>
  <TitlesOfParts>
    <vt:vector size="14" baseType="lpstr">
      <vt:lpstr>WelcomeDoc</vt:lpstr>
      <vt:lpstr>PowerPoint Presentation</vt:lpstr>
      <vt:lpstr>Photoshop Samples </vt:lpstr>
      <vt:lpstr>Photoshop Samples </vt:lpstr>
      <vt:lpstr>Storyline Samples </vt:lpstr>
      <vt:lpstr>Storyline Samples </vt:lpstr>
      <vt:lpstr>Storyline Samples </vt:lpstr>
      <vt:lpstr>Storyline Samples </vt:lpstr>
      <vt:lpstr>Storyline Samples </vt:lpstr>
      <vt:lpstr>Video Based Learning</vt:lpstr>
      <vt:lpstr>Video Based Learning</vt:lpstr>
      <vt:lpstr>Rise Samples</vt:lpstr>
      <vt:lpstr>Training Tool</vt:lpstr>
      <vt:lpstr>THANK YOU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Vrushali Alaspure_Profile</dc:title>
  <dc:creator>Vinod More</dc:creator>
  <cp:lastModifiedBy>Deepak Choudhary</cp:lastModifiedBy>
  <cp:revision>9</cp:revision>
  <dcterms:created xsi:type="dcterms:W3CDTF">2021-12-15T09:32:55Z</dcterms:created>
  <dcterms:modified xsi:type="dcterms:W3CDTF">2024-01-03T14:16:4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86BE0908-645C-4043-874D-C80BEE861932</vt:lpwstr>
  </property>
  <property fmtid="{D5CDD505-2E9C-101B-9397-08002B2CF9AE}" pid="3" name="ArticulatePath">
    <vt:lpwstr>Rashmi_Patel_Portfolio</vt:lpwstr>
  </property>
</Properties>
</file>